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26"/>
  </p:notesMasterIdLst>
  <p:handoutMasterIdLst>
    <p:handoutMasterId r:id="rId27"/>
  </p:handoutMasterIdLst>
  <p:sldIdLst>
    <p:sldId id="257" r:id="rId13"/>
    <p:sldId id="310" r:id="rId14"/>
    <p:sldId id="309" r:id="rId15"/>
    <p:sldId id="292" r:id="rId16"/>
    <p:sldId id="294" r:id="rId17"/>
    <p:sldId id="305" r:id="rId18"/>
    <p:sldId id="290" r:id="rId19"/>
    <p:sldId id="300" r:id="rId20"/>
    <p:sldId id="306" r:id="rId21"/>
    <p:sldId id="301" r:id="rId22"/>
    <p:sldId id="311" r:id="rId23"/>
    <p:sldId id="308" r:id="rId24"/>
    <p:sldId id="286" r:id="rId25"/>
  </p:sldIdLst>
  <p:sldSz cx="12190413" cy="6858000"/>
  <p:notesSz cx="6858000" cy="9144000"/>
  <p:custDataLst>
    <p:tags r:id="rId2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B4F1F649-F22A-5ABB-55C9-655443E952ED}" name="Andreas Franks Nielsen" initials="AFN" userId="Andreas Franks Nielsen" providerId="None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0A7BC2"/>
    <a:srgbClr val="0A80A1"/>
    <a:srgbClr val="0A9AC2"/>
    <a:srgbClr val="32C5ED"/>
    <a:srgbClr val="000000"/>
    <a:srgbClr val="FF0000"/>
    <a:srgbClr val="EFE7E7"/>
    <a:srgbClr val="FFFFFF"/>
    <a:srgbClr val="FFCC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CB1F209-3120-492C-9134-317F542591AB}" v="20" dt="2022-12-18T12:44:26.474"/>
    <p1510:client id="{4587BDB5-79C0-4C69-8B14-A8505F232FFE}" v="335" dt="2022-12-18T08:33:25.727"/>
    <p1510:client id="{7F2E300A-988E-4BAC-A6AB-CD198D15278D}" v="4156" dt="2022-12-18T16:15:00.666"/>
    <p1510:client id="{A5D436C0-AC58-4710-B248-576E3C6CA2A4}" v="131" vWet="132" dt="2022-12-18T12:32:27.770"/>
    <p1510:client id="{D10CBCF0-71A3-49CB-9918-FC4DD4BB5F92}" v="8" dt="2022-12-18T16:16:59.32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81" d="100"/>
          <a:sy n="81" d="100"/>
        </p:scale>
        <p:origin x="725" y="5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34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tags" Target="tags/tag1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Relationship Id="rId35" Type="http://schemas.microsoft.com/office/2018/10/relationships/authors" Target="authors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Nikolas Vitaliti" userId="S::s223455@dtu.dk::8c720cfb-423e-41d2-902f-4cf486698773" providerId="AD" clId="Web-{D10CBCF0-71A3-49CB-9918-FC4DD4BB5F92}"/>
    <pc:docChg chg="modSld">
      <pc:chgData name="Nikolas Vitaliti" userId="S::s223455@dtu.dk::8c720cfb-423e-41d2-902f-4cf486698773" providerId="AD" clId="Web-{D10CBCF0-71A3-49CB-9918-FC4DD4BB5F92}" dt="2022-12-18T16:16:59.328" v="5" actId="20577"/>
      <pc:docMkLst>
        <pc:docMk/>
      </pc:docMkLst>
      <pc:sldChg chg="modSp">
        <pc:chgData name="Nikolas Vitaliti" userId="S::s223455@dtu.dk::8c720cfb-423e-41d2-902f-4cf486698773" providerId="AD" clId="Web-{D10CBCF0-71A3-49CB-9918-FC4DD4BB5F92}" dt="2022-12-18T16:16:59.328" v="5" actId="20577"/>
        <pc:sldMkLst>
          <pc:docMk/>
          <pc:sldMk cId="4264824158" sldId="310"/>
        </pc:sldMkLst>
        <pc:spChg chg="mod">
          <ac:chgData name="Nikolas Vitaliti" userId="S::s223455@dtu.dk::8c720cfb-423e-41d2-902f-4cf486698773" providerId="AD" clId="Web-{D10CBCF0-71A3-49CB-9918-FC4DD4BB5F92}" dt="2022-12-18T16:16:59.328" v="5" actId="20577"/>
          <ac:spMkLst>
            <pc:docMk/>
            <pc:sldMk cId="4264824158" sldId="310"/>
            <ac:spMk id="9" creationId="{C424A878-EF61-94A3-F20A-CEB7BDA2E6C6}"/>
          </ac:spMkLst>
        </pc:spChg>
      </pc:sldChg>
    </pc:docChg>
  </pc:docChgLst>
  <pc:docChgLst>
    <pc:chgData name="Emelie Westall Lundqvist" userId="S::s221956@dtu.dk::3a6c0c6b-4056-4919-93f8-4a249b28df98" providerId="AD" clId="Web-{4587BDB5-79C0-4C69-8B14-A8505F232FFE}"/>
    <pc:docChg chg="modSld">
      <pc:chgData name="Emelie Westall Lundqvist" userId="S::s221956@dtu.dk::3a6c0c6b-4056-4919-93f8-4a249b28df98" providerId="AD" clId="Web-{4587BDB5-79C0-4C69-8B14-A8505F232FFE}" dt="2022-12-18T08:33:20.477" v="189" actId="20577"/>
      <pc:docMkLst>
        <pc:docMk/>
      </pc:docMkLst>
      <pc:sldChg chg="addSp delSp modSp">
        <pc:chgData name="Emelie Westall Lundqvist" userId="S::s221956@dtu.dk::3a6c0c6b-4056-4919-93f8-4a249b28df98" providerId="AD" clId="Web-{4587BDB5-79C0-4C69-8B14-A8505F232FFE}" dt="2022-12-18T08:16:12.376" v="85"/>
        <pc:sldMkLst>
          <pc:docMk/>
          <pc:sldMk cId="24647807" sldId="294"/>
        </pc:sldMkLst>
        <pc:spChg chg="add mod">
          <ac:chgData name="Emelie Westall Lundqvist" userId="S::s221956@dtu.dk::3a6c0c6b-4056-4919-93f8-4a249b28df98" providerId="AD" clId="Web-{4587BDB5-79C0-4C69-8B14-A8505F232FFE}" dt="2022-12-18T08:15:52.017" v="81" actId="20577"/>
          <ac:spMkLst>
            <pc:docMk/>
            <pc:sldMk cId="24647807" sldId="294"/>
            <ac:spMk id="3" creationId="{EB674439-4383-F9C8-62D5-B424E72F0921}"/>
          </ac:spMkLst>
        </pc:spChg>
        <pc:spChg chg="mod">
          <ac:chgData name="Emelie Westall Lundqvist" userId="S::s221956@dtu.dk::3a6c0c6b-4056-4919-93f8-4a249b28df98" providerId="AD" clId="Web-{4587BDB5-79C0-4C69-8B14-A8505F232FFE}" dt="2022-12-18T08:15:35.501" v="78" actId="1076"/>
          <ac:spMkLst>
            <pc:docMk/>
            <pc:sldMk cId="24647807" sldId="294"/>
            <ac:spMk id="5" creationId="{2F216128-3307-50B1-1D75-193E9EA2C83D}"/>
          </ac:spMkLst>
        </pc:spChg>
        <pc:spChg chg="del mod">
          <ac:chgData name="Emelie Westall Lundqvist" userId="S::s221956@dtu.dk::3a6c0c6b-4056-4919-93f8-4a249b28df98" providerId="AD" clId="Web-{4587BDB5-79C0-4C69-8B14-A8505F232FFE}" dt="2022-12-18T08:15:20.720" v="75"/>
          <ac:spMkLst>
            <pc:docMk/>
            <pc:sldMk cId="24647807" sldId="294"/>
            <ac:spMk id="10" creationId="{96590885-4586-509B-F45C-CA6792C87267}"/>
          </ac:spMkLst>
        </pc:spChg>
        <pc:picChg chg="mod">
          <ac:chgData name="Emelie Westall Lundqvist" userId="S::s221956@dtu.dk::3a6c0c6b-4056-4919-93f8-4a249b28df98" providerId="AD" clId="Web-{4587BDB5-79C0-4C69-8B14-A8505F232FFE}" dt="2022-12-18T08:15:35.501" v="77" actId="1076"/>
          <ac:picMkLst>
            <pc:docMk/>
            <pc:sldMk cId="24647807" sldId="294"/>
            <ac:picMk id="2" creationId="{4CE3D8B2-FF60-BBA5-51CE-681BD5BB17CB}"/>
          </ac:picMkLst>
        </pc:picChg>
        <pc:inkChg chg="add del">
          <ac:chgData name="Emelie Westall Lundqvist" userId="S::s221956@dtu.dk::3a6c0c6b-4056-4919-93f8-4a249b28df98" providerId="AD" clId="Web-{4587BDB5-79C0-4C69-8B14-A8505F232FFE}" dt="2022-12-18T08:16:12.376" v="85"/>
          <ac:inkMkLst>
            <pc:docMk/>
            <pc:sldMk cId="24647807" sldId="294"/>
            <ac:inkMk id="6" creationId="{B4822542-5C41-3B6F-CEBF-9417088B4003}"/>
          </ac:inkMkLst>
        </pc:inkChg>
        <pc:inkChg chg="add del">
          <ac:chgData name="Emelie Westall Lundqvist" userId="S::s221956@dtu.dk::3a6c0c6b-4056-4919-93f8-4a249b28df98" providerId="AD" clId="Web-{4587BDB5-79C0-4C69-8B14-A8505F232FFE}" dt="2022-12-18T08:16:09.501" v="84"/>
          <ac:inkMkLst>
            <pc:docMk/>
            <pc:sldMk cId="24647807" sldId="294"/>
            <ac:inkMk id="7" creationId="{A63A4BFC-8738-3FFD-6426-E4BF9234FD58}"/>
          </ac:inkMkLst>
        </pc:inkChg>
      </pc:sldChg>
      <pc:sldChg chg="modSp">
        <pc:chgData name="Emelie Westall Lundqvist" userId="S::s221956@dtu.dk::3a6c0c6b-4056-4919-93f8-4a249b28df98" providerId="AD" clId="Web-{4587BDB5-79C0-4C69-8B14-A8505F232FFE}" dt="2022-12-18T08:33:20.477" v="189" actId="20577"/>
        <pc:sldMkLst>
          <pc:docMk/>
          <pc:sldMk cId="295041497" sldId="301"/>
        </pc:sldMkLst>
        <pc:spChg chg="mod">
          <ac:chgData name="Emelie Westall Lundqvist" userId="S::s221956@dtu.dk::3a6c0c6b-4056-4919-93f8-4a249b28df98" providerId="AD" clId="Web-{4587BDB5-79C0-4C69-8B14-A8505F232FFE}" dt="2022-12-18T08:33:20.477" v="189" actId="20577"/>
          <ac:spMkLst>
            <pc:docMk/>
            <pc:sldMk cId="295041497" sldId="301"/>
            <ac:spMk id="13" creationId="{5075C9F8-F90E-501A-6E9F-347CBF079311}"/>
          </ac:spMkLst>
        </pc:spChg>
      </pc:sldChg>
      <pc:sldChg chg="addSp delSp modSp">
        <pc:chgData name="Emelie Westall Lundqvist" userId="S::s221956@dtu.dk::3a6c0c6b-4056-4919-93f8-4a249b28df98" providerId="AD" clId="Web-{4587BDB5-79C0-4C69-8B14-A8505F232FFE}" dt="2022-12-18T08:27:04.341" v="155"/>
        <pc:sldMkLst>
          <pc:docMk/>
          <pc:sldMk cId="2063457614" sldId="309"/>
        </pc:sldMkLst>
        <pc:spChg chg="add del mod">
          <ac:chgData name="Emelie Westall Lundqvist" userId="S::s221956@dtu.dk::3a6c0c6b-4056-4919-93f8-4a249b28df98" providerId="AD" clId="Web-{4587BDB5-79C0-4C69-8B14-A8505F232FFE}" dt="2022-12-18T08:27:04.341" v="155"/>
          <ac:spMkLst>
            <pc:docMk/>
            <pc:sldMk cId="2063457614" sldId="309"/>
            <ac:spMk id="35" creationId="{FF599155-478B-F7EA-1DA4-009411574F89}"/>
          </ac:spMkLst>
        </pc:spChg>
        <pc:spChg chg="add del mod">
          <ac:chgData name="Emelie Westall Lundqvist" userId="S::s221956@dtu.dk::3a6c0c6b-4056-4919-93f8-4a249b28df98" providerId="AD" clId="Web-{4587BDB5-79C0-4C69-8B14-A8505F232FFE}" dt="2022-12-18T08:27:02.981" v="154"/>
          <ac:spMkLst>
            <pc:docMk/>
            <pc:sldMk cId="2063457614" sldId="309"/>
            <ac:spMk id="36" creationId="{817B850D-4F5D-0308-F5CA-56CD9335FE0F}"/>
          </ac:spMkLst>
        </pc:spChg>
        <pc:spChg chg="add del">
          <ac:chgData name="Emelie Westall Lundqvist" userId="S::s221956@dtu.dk::3a6c0c6b-4056-4919-93f8-4a249b28df98" providerId="AD" clId="Web-{4587BDB5-79C0-4C69-8B14-A8505F232FFE}" dt="2022-12-18T08:26:46.028" v="148"/>
          <ac:spMkLst>
            <pc:docMk/>
            <pc:sldMk cId="2063457614" sldId="309"/>
            <ac:spMk id="38" creationId="{D5084D55-AA0B-A3A2-5B5E-1CD85AA2943E}"/>
          </ac:spMkLst>
        </pc:spChg>
        <pc:spChg chg="add del mod">
          <ac:chgData name="Emelie Westall Lundqvist" userId="S::s221956@dtu.dk::3a6c0c6b-4056-4919-93f8-4a249b28df98" providerId="AD" clId="Web-{4587BDB5-79C0-4C69-8B14-A8505F232FFE}" dt="2022-12-18T08:26:44.559" v="147"/>
          <ac:spMkLst>
            <pc:docMk/>
            <pc:sldMk cId="2063457614" sldId="309"/>
            <ac:spMk id="39" creationId="{57724CC9-EDD7-5C2F-BD65-E745BD0D852A}"/>
          </ac:spMkLst>
        </pc:spChg>
        <pc:cxnChg chg="add del mod">
          <ac:chgData name="Emelie Westall Lundqvist" userId="S::s221956@dtu.dk::3a6c0c6b-4056-4919-93f8-4a249b28df98" providerId="AD" clId="Web-{4587BDB5-79C0-4C69-8B14-A8505F232FFE}" dt="2022-12-18T08:26:57.091" v="152"/>
          <ac:cxnSpMkLst>
            <pc:docMk/>
            <pc:sldMk cId="2063457614" sldId="309"/>
            <ac:cxnSpMk id="37" creationId="{7029A66F-B1C9-8BE4-D4A4-3329CF0BB5BC}"/>
          </ac:cxnSpMkLst>
        </pc:cxnChg>
        <pc:cxnChg chg="add del mod">
          <ac:chgData name="Emelie Westall Lundqvist" userId="S::s221956@dtu.dk::3a6c0c6b-4056-4919-93f8-4a249b28df98" providerId="AD" clId="Web-{4587BDB5-79C0-4C69-8B14-A8505F232FFE}" dt="2022-12-18T08:26:55.716" v="151"/>
          <ac:cxnSpMkLst>
            <pc:docMk/>
            <pc:sldMk cId="2063457614" sldId="309"/>
            <ac:cxnSpMk id="40" creationId="{9173197E-8DAE-E205-CB89-E5124C3232A4}"/>
          </ac:cxnSpMkLst>
        </pc:cxnChg>
      </pc:sldChg>
      <pc:sldChg chg="modSp">
        <pc:chgData name="Emelie Westall Lundqvist" userId="S::s221956@dtu.dk::3a6c0c6b-4056-4919-93f8-4a249b28df98" providerId="AD" clId="Web-{4587BDB5-79C0-4C69-8B14-A8505F232FFE}" dt="2022-12-18T08:19:00.063" v="114" actId="20577"/>
        <pc:sldMkLst>
          <pc:docMk/>
          <pc:sldMk cId="4264824158" sldId="310"/>
        </pc:sldMkLst>
        <pc:spChg chg="mod">
          <ac:chgData name="Emelie Westall Lundqvist" userId="S::s221956@dtu.dk::3a6c0c6b-4056-4919-93f8-4a249b28df98" providerId="AD" clId="Web-{4587BDB5-79C0-4C69-8B14-A8505F232FFE}" dt="2022-12-18T08:19:00.063" v="114" actId="20577"/>
          <ac:spMkLst>
            <pc:docMk/>
            <pc:sldMk cId="4264824158" sldId="310"/>
            <ac:spMk id="9" creationId="{C424A878-EF61-94A3-F20A-CEB7BDA2E6C6}"/>
          </ac:spMkLst>
        </pc:spChg>
        <pc:spChg chg="mod">
          <ac:chgData name="Emelie Westall Lundqvist" userId="S::s221956@dtu.dk::3a6c0c6b-4056-4919-93f8-4a249b28df98" providerId="AD" clId="Web-{4587BDB5-79C0-4C69-8B14-A8505F232FFE}" dt="2022-12-18T08:16:59.610" v="112" actId="20577"/>
          <ac:spMkLst>
            <pc:docMk/>
            <pc:sldMk cId="4264824158" sldId="310"/>
            <ac:spMk id="12" creationId="{0EB267CE-CF12-47C3-2738-F1994FE3E823}"/>
          </ac:spMkLst>
        </pc:spChg>
      </pc:sldChg>
      <pc:sldChg chg="modSp">
        <pc:chgData name="Emelie Westall Lundqvist" userId="S::s221956@dtu.dk::3a6c0c6b-4056-4919-93f8-4a249b28df98" providerId="AD" clId="Web-{4587BDB5-79C0-4C69-8B14-A8505F232FFE}" dt="2022-12-18T08:32:00.447" v="161" actId="20577"/>
        <pc:sldMkLst>
          <pc:docMk/>
          <pc:sldMk cId="3397448680" sldId="311"/>
        </pc:sldMkLst>
        <pc:spChg chg="mod">
          <ac:chgData name="Emelie Westall Lundqvist" userId="S::s221956@dtu.dk::3a6c0c6b-4056-4919-93f8-4a249b28df98" providerId="AD" clId="Web-{4587BDB5-79C0-4C69-8B14-A8505F232FFE}" dt="2022-12-18T08:32:00.447" v="161" actId="20577"/>
          <ac:spMkLst>
            <pc:docMk/>
            <pc:sldMk cId="3397448680" sldId="311"/>
            <ac:spMk id="7" creationId="{D3A9178B-A213-D82B-511B-04281050064D}"/>
          </ac:spMkLst>
        </pc:spChg>
      </pc:sldChg>
    </pc:docChg>
  </pc:docChgLst>
  <pc:docChgLst>
    <pc:chgData name="Nikolas Vitaliti" userId="S::s223455@dtu.dk::8c720cfb-423e-41d2-902f-4cf486698773" providerId="AD" clId="Web-{78FCDC47-A8F4-4150-99C8-9213D3EF43A5}"/>
    <pc:docChg chg="modSld">
      <pc:chgData name="Nikolas Vitaliti" userId="S::s223455@dtu.dk::8c720cfb-423e-41d2-902f-4cf486698773" providerId="AD" clId="Web-{78FCDC47-A8F4-4150-99C8-9213D3EF43A5}" dt="2022-12-17T09:27:00.732" v="1" actId="1076"/>
      <pc:docMkLst>
        <pc:docMk/>
      </pc:docMkLst>
      <pc:sldChg chg="modSp">
        <pc:chgData name="Nikolas Vitaliti" userId="S::s223455@dtu.dk::8c720cfb-423e-41d2-902f-4cf486698773" providerId="AD" clId="Web-{78FCDC47-A8F4-4150-99C8-9213D3EF43A5}" dt="2022-12-17T09:27:00.732" v="1" actId="1076"/>
        <pc:sldMkLst>
          <pc:docMk/>
          <pc:sldMk cId="24647807" sldId="294"/>
        </pc:sldMkLst>
        <pc:spChg chg="mod">
          <ac:chgData name="Nikolas Vitaliti" userId="S::s223455@dtu.dk::8c720cfb-423e-41d2-902f-4cf486698773" providerId="AD" clId="Web-{78FCDC47-A8F4-4150-99C8-9213D3EF43A5}" dt="2022-12-17T09:27:00.732" v="1" actId="1076"/>
          <ac:spMkLst>
            <pc:docMk/>
            <pc:sldMk cId="24647807" sldId="294"/>
            <ac:spMk id="5" creationId="{2F216128-3307-50B1-1D75-193E9EA2C83D}"/>
          </ac:spMkLst>
        </pc:spChg>
      </pc:sldChg>
    </pc:docChg>
  </pc:docChgLst>
  <pc:docChgLst>
    <pc:chgData name="Nikolas Vitaliti" userId="S::s223455@dtu.dk::8c720cfb-423e-41d2-902f-4cf486698773" providerId="AD" clId="Web-{265363D4-B0AD-4380-90F3-045848674E67}"/>
    <pc:docChg chg="modSld">
      <pc:chgData name="Nikolas Vitaliti" userId="S::s223455@dtu.dk::8c720cfb-423e-41d2-902f-4cf486698773" providerId="AD" clId="Web-{265363D4-B0AD-4380-90F3-045848674E67}" dt="2022-12-17T13:19:47.149" v="0" actId="1076"/>
      <pc:docMkLst>
        <pc:docMk/>
      </pc:docMkLst>
      <pc:sldChg chg="modSp">
        <pc:chgData name="Nikolas Vitaliti" userId="S::s223455@dtu.dk::8c720cfb-423e-41d2-902f-4cf486698773" providerId="AD" clId="Web-{265363D4-B0AD-4380-90F3-045848674E67}" dt="2022-12-17T13:19:47.149" v="0" actId="1076"/>
        <pc:sldMkLst>
          <pc:docMk/>
          <pc:sldMk cId="24647807" sldId="294"/>
        </pc:sldMkLst>
        <pc:spChg chg="mod">
          <ac:chgData name="Nikolas Vitaliti" userId="S::s223455@dtu.dk::8c720cfb-423e-41d2-902f-4cf486698773" providerId="AD" clId="Web-{265363D4-B0AD-4380-90F3-045848674E67}" dt="2022-12-17T13:19:47.149" v="0" actId="1076"/>
          <ac:spMkLst>
            <pc:docMk/>
            <pc:sldMk cId="24647807" sldId="294"/>
            <ac:spMk id="10" creationId="{96590885-4586-509B-F45C-CA6792C87267}"/>
          </ac:spMkLst>
        </pc:spChg>
      </pc:sldChg>
    </pc:docChg>
  </pc:docChgLst>
  <pc:docChgLst>
    <pc:chgData name="Emelie Westall Lundqvist" userId="S::s221956@dtu.dk::3a6c0c6b-4056-4919-93f8-4a249b28df98" providerId="AD" clId="Web-{2CB1F209-3120-492C-9134-317F542591AB}"/>
    <pc:docChg chg="modSld">
      <pc:chgData name="Emelie Westall Lundqvist" userId="S::s221956@dtu.dk::3a6c0c6b-4056-4919-93f8-4a249b28df98" providerId="AD" clId="Web-{2CB1F209-3120-492C-9134-317F542591AB}" dt="2022-12-18T12:44:26.474" v="17" actId="14100"/>
      <pc:docMkLst>
        <pc:docMk/>
      </pc:docMkLst>
      <pc:sldChg chg="modSp">
        <pc:chgData name="Emelie Westall Lundqvist" userId="S::s221956@dtu.dk::3a6c0c6b-4056-4919-93f8-4a249b28df98" providerId="AD" clId="Web-{2CB1F209-3120-492C-9134-317F542591AB}" dt="2022-12-18T12:43:00.959" v="16" actId="14100"/>
        <pc:sldMkLst>
          <pc:docMk/>
          <pc:sldMk cId="24647807" sldId="294"/>
        </pc:sldMkLst>
        <pc:spChg chg="mod">
          <ac:chgData name="Emelie Westall Lundqvist" userId="S::s221956@dtu.dk::3a6c0c6b-4056-4919-93f8-4a249b28df98" providerId="AD" clId="Web-{2CB1F209-3120-492C-9134-317F542591AB}" dt="2022-12-18T12:43:00.959" v="16" actId="14100"/>
          <ac:spMkLst>
            <pc:docMk/>
            <pc:sldMk cId="24647807" sldId="294"/>
            <ac:spMk id="3" creationId="{EB674439-4383-F9C8-62D5-B424E72F0921}"/>
          </ac:spMkLst>
        </pc:spChg>
        <pc:spChg chg="mod">
          <ac:chgData name="Emelie Westall Lundqvist" userId="S::s221956@dtu.dk::3a6c0c6b-4056-4919-93f8-4a249b28df98" providerId="AD" clId="Web-{2CB1F209-3120-492C-9134-317F542591AB}" dt="2022-12-18T12:42:46.506" v="14" actId="20577"/>
          <ac:spMkLst>
            <pc:docMk/>
            <pc:sldMk cId="24647807" sldId="294"/>
            <ac:spMk id="9" creationId="{6D7B45B7-3FFF-6874-0FED-88BB7D81D986}"/>
          </ac:spMkLst>
        </pc:spChg>
      </pc:sldChg>
      <pc:sldChg chg="modSp">
        <pc:chgData name="Emelie Westall Lundqvist" userId="S::s221956@dtu.dk::3a6c0c6b-4056-4919-93f8-4a249b28df98" providerId="AD" clId="Web-{2CB1F209-3120-492C-9134-317F542591AB}" dt="2022-12-18T12:44:26.474" v="17" actId="14100"/>
        <pc:sldMkLst>
          <pc:docMk/>
          <pc:sldMk cId="4162553611" sldId="305"/>
        </pc:sldMkLst>
        <pc:spChg chg="mod">
          <ac:chgData name="Emelie Westall Lundqvist" userId="S::s221956@dtu.dk::3a6c0c6b-4056-4919-93f8-4a249b28df98" providerId="AD" clId="Web-{2CB1F209-3120-492C-9134-317F542591AB}" dt="2022-12-18T12:44:26.474" v="17" actId="14100"/>
          <ac:spMkLst>
            <pc:docMk/>
            <pc:sldMk cId="4162553611" sldId="305"/>
            <ac:spMk id="13" creationId="{9FD81746-0B0A-D0F2-47E1-54663AFAE383}"/>
          </ac:spMkLst>
        </pc:spChg>
      </pc:sldChg>
      <pc:sldChg chg="modSp">
        <pc:chgData name="Emelie Westall Lundqvist" userId="S::s221956@dtu.dk::3a6c0c6b-4056-4919-93f8-4a249b28df98" providerId="AD" clId="Web-{2CB1F209-3120-492C-9134-317F542591AB}" dt="2022-12-18T12:39:32.585" v="0" actId="1076"/>
        <pc:sldMkLst>
          <pc:docMk/>
          <pc:sldMk cId="4264824158" sldId="310"/>
        </pc:sldMkLst>
        <pc:picChg chg="mod">
          <ac:chgData name="Emelie Westall Lundqvist" userId="S::s221956@dtu.dk::3a6c0c6b-4056-4919-93f8-4a249b28df98" providerId="AD" clId="Web-{2CB1F209-3120-492C-9134-317F542591AB}" dt="2022-12-18T12:39:32.585" v="0" actId="1076"/>
          <ac:picMkLst>
            <pc:docMk/>
            <pc:sldMk cId="4264824158" sldId="310"/>
            <ac:picMk id="7" creationId="{05A1AA76-D39B-E44C-9AB4-ACD63A44C9C9}"/>
          </ac:picMkLst>
        </pc:picChg>
      </pc:sldChg>
    </pc:docChg>
  </pc:docChgLst>
  <pc:docChgLst>
    <pc:chgData name="Emelie Westall Lundqvist" userId="S::s221956@dtu.dk::3a6c0c6b-4056-4919-93f8-4a249b28df98" providerId="AD" clId="Web-{A5D436C0-AC58-4710-B248-576E3C6CA2A4}"/>
    <pc:docChg chg="modSld">
      <pc:chgData name="Emelie Westall Lundqvist" userId="S::s221956@dtu.dk::3a6c0c6b-4056-4919-93f8-4a249b28df98" providerId="AD" clId="Web-{A5D436C0-AC58-4710-B248-576E3C6CA2A4}" dt="2022-12-18T12:32:25.958" v="72" actId="20577"/>
      <pc:docMkLst>
        <pc:docMk/>
      </pc:docMkLst>
      <pc:sldChg chg="modSp">
        <pc:chgData name="Emelie Westall Lundqvist" userId="S::s221956@dtu.dk::3a6c0c6b-4056-4919-93f8-4a249b28df98" providerId="AD" clId="Web-{A5D436C0-AC58-4710-B248-576E3C6CA2A4}" dt="2022-12-18T12:32:25.958" v="72" actId="20577"/>
        <pc:sldMkLst>
          <pc:docMk/>
          <pc:sldMk cId="295041497" sldId="301"/>
        </pc:sldMkLst>
        <pc:spChg chg="mod">
          <ac:chgData name="Emelie Westall Lundqvist" userId="S::s221956@dtu.dk::3a6c0c6b-4056-4919-93f8-4a249b28df98" providerId="AD" clId="Web-{A5D436C0-AC58-4710-B248-576E3C6CA2A4}" dt="2022-12-18T12:32:25.958" v="72" actId="20577"/>
          <ac:spMkLst>
            <pc:docMk/>
            <pc:sldMk cId="295041497" sldId="301"/>
            <ac:spMk id="13" creationId="{5075C9F8-F90E-501A-6E9F-347CBF079311}"/>
          </ac:spMkLst>
        </pc:spChg>
      </pc:sldChg>
    </pc:docChg>
  </pc:docChgLst>
  <pc:docChgLst>
    <pc:chgData name="Emelie Westall Lundqvist" userId="S::s221956@dtu.dk::3a6c0c6b-4056-4919-93f8-4a249b28df98" providerId="AD" clId="Web-{D3DA381F-DB0A-A64A-8AF5-94C8C1C727F8}"/>
    <pc:docChg chg="addSld modSld">
      <pc:chgData name="Emelie Westall Lundqvist" userId="S::s221956@dtu.dk::3a6c0c6b-4056-4919-93f8-4a249b28df98" providerId="AD" clId="Web-{D3DA381F-DB0A-A64A-8AF5-94C8C1C727F8}" dt="2022-12-17T14:01:44.298" v="295"/>
      <pc:docMkLst>
        <pc:docMk/>
      </pc:docMkLst>
      <pc:sldChg chg="modSp modNotes">
        <pc:chgData name="Emelie Westall Lundqvist" userId="S::s221956@dtu.dk::3a6c0c6b-4056-4919-93f8-4a249b28df98" providerId="AD" clId="Web-{D3DA381F-DB0A-A64A-8AF5-94C8C1C727F8}" dt="2022-12-17T14:00:09.344" v="250"/>
        <pc:sldMkLst>
          <pc:docMk/>
          <pc:sldMk cId="2950204296" sldId="291"/>
        </pc:sldMkLst>
        <pc:spChg chg="mod">
          <ac:chgData name="Emelie Westall Lundqvist" userId="S::s221956@dtu.dk::3a6c0c6b-4056-4919-93f8-4a249b28df98" providerId="AD" clId="Web-{D3DA381F-DB0A-A64A-8AF5-94C8C1C727F8}" dt="2022-12-17T13:17:51.714" v="78" actId="20577"/>
          <ac:spMkLst>
            <pc:docMk/>
            <pc:sldMk cId="2950204296" sldId="291"/>
            <ac:spMk id="3" creationId="{89E26569-BA16-7E1E-ACF2-21DBA23C3713}"/>
          </ac:spMkLst>
        </pc:spChg>
      </pc:sldChg>
      <pc:sldChg chg="modSp">
        <pc:chgData name="Emelie Westall Lundqvist" userId="S::s221956@dtu.dk::3a6c0c6b-4056-4919-93f8-4a249b28df98" providerId="AD" clId="Web-{D3DA381F-DB0A-A64A-8AF5-94C8C1C727F8}" dt="2022-12-17T13:59:09.562" v="174" actId="20577"/>
        <pc:sldMkLst>
          <pc:docMk/>
          <pc:sldMk cId="3213211447" sldId="292"/>
        </pc:sldMkLst>
        <pc:spChg chg="mod">
          <ac:chgData name="Emelie Westall Lundqvist" userId="S::s221956@dtu.dk::3a6c0c6b-4056-4919-93f8-4a249b28df98" providerId="AD" clId="Web-{D3DA381F-DB0A-A64A-8AF5-94C8C1C727F8}" dt="2022-12-17T13:59:09.562" v="174" actId="20577"/>
          <ac:spMkLst>
            <pc:docMk/>
            <pc:sldMk cId="3213211447" sldId="292"/>
            <ac:spMk id="5" creationId="{144ED827-ACA1-5E06-7C3D-51B166105391}"/>
          </ac:spMkLst>
        </pc:spChg>
      </pc:sldChg>
      <pc:sldChg chg="modSp">
        <pc:chgData name="Emelie Westall Lundqvist" userId="S::s221956@dtu.dk::3a6c0c6b-4056-4919-93f8-4a249b28df98" providerId="AD" clId="Web-{D3DA381F-DB0A-A64A-8AF5-94C8C1C727F8}" dt="2022-12-17T13:20:15.717" v="81" actId="1076"/>
        <pc:sldMkLst>
          <pc:docMk/>
          <pc:sldMk cId="24647807" sldId="294"/>
        </pc:sldMkLst>
        <pc:spChg chg="mod">
          <ac:chgData name="Emelie Westall Lundqvist" userId="S::s221956@dtu.dk::3a6c0c6b-4056-4919-93f8-4a249b28df98" providerId="AD" clId="Web-{D3DA381F-DB0A-A64A-8AF5-94C8C1C727F8}" dt="2022-12-17T13:20:15.717" v="81" actId="1076"/>
          <ac:spMkLst>
            <pc:docMk/>
            <pc:sldMk cId="24647807" sldId="294"/>
            <ac:spMk id="10" creationId="{96590885-4586-509B-F45C-CA6792C87267}"/>
          </ac:spMkLst>
        </pc:spChg>
      </pc:sldChg>
      <pc:sldChg chg="addSp delSp modSp">
        <pc:chgData name="Emelie Westall Lundqvist" userId="S::s221956@dtu.dk::3a6c0c6b-4056-4919-93f8-4a249b28df98" providerId="AD" clId="Web-{D3DA381F-DB0A-A64A-8AF5-94C8C1C727F8}" dt="2022-12-17T13:31:48.516" v="153" actId="20577"/>
        <pc:sldMkLst>
          <pc:docMk/>
          <pc:sldMk cId="2722807843" sldId="300"/>
        </pc:sldMkLst>
        <pc:spChg chg="del">
          <ac:chgData name="Emelie Westall Lundqvist" userId="S::s221956@dtu.dk::3a6c0c6b-4056-4919-93f8-4a249b28df98" providerId="AD" clId="Web-{D3DA381F-DB0A-A64A-8AF5-94C8C1C727F8}" dt="2022-12-17T13:31:38.922" v="141"/>
          <ac:spMkLst>
            <pc:docMk/>
            <pc:sldMk cId="2722807843" sldId="300"/>
            <ac:spMk id="6" creationId="{DDEE221F-6296-EF81-8C5F-AFB542123A2D}"/>
          </ac:spMkLst>
        </pc:spChg>
        <pc:spChg chg="add mod">
          <ac:chgData name="Emelie Westall Lundqvist" userId="S::s221956@dtu.dk::3a6c0c6b-4056-4919-93f8-4a249b28df98" providerId="AD" clId="Web-{D3DA381F-DB0A-A64A-8AF5-94C8C1C727F8}" dt="2022-12-17T13:31:48.516" v="153" actId="20577"/>
          <ac:spMkLst>
            <pc:docMk/>
            <pc:sldMk cId="2722807843" sldId="300"/>
            <ac:spMk id="10" creationId="{38D86D40-AD35-72D9-7B4F-F5CA409B6869}"/>
          </ac:spMkLst>
        </pc:spChg>
        <pc:spChg chg="add mod">
          <ac:chgData name="Emelie Westall Lundqvist" userId="S::s221956@dtu.dk::3a6c0c6b-4056-4919-93f8-4a249b28df98" providerId="AD" clId="Web-{D3DA381F-DB0A-A64A-8AF5-94C8C1C727F8}" dt="2022-12-17T13:31:43.407" v="147" actId="20577"/>
          <ac:spMkLst>
            <pc:docMk/>
            <pc:sldMk cId="2722807843" sldId="300"/>
            <ac:spMk id="12" creationId="{579AB3E9-7EA3-C71D-59A9-AAA86150BECD}"/>
          </ac:spMkLst>
        </pc:spChg>
      </pc:sldChg>
      <pc:sldChg chg="modSp">
        <pc:chgData name="Emelie Westall Lundqvist" userId="S::s221956@dtu.dk::3a6c0c6b-4056-4919-93f8-4a249b28df98" providerId="AD" clId="Web-{D3DA381F-DB0A-A64A-8AF5-94C8C1C727F8}" dt="2022-12-17T13:36:43.552" v="167" actId="20577"/>
        <pc:sldMkLst>
          <pc:docMk/>
          <pc:sldMk cId="295041497" sldId="301"/>
        </pc:sldMkLst>
        <pc:spChg chg="mod">
          <ac:chgData name="Emelie Westall Lundqvist" userId="S::s221956@dtu.dk::3a6c0c6b-4056-4919-93f8-4a249b28df98" providerId="AD" clId="Web-{D3DA381F-DB0A-A64A-8AF5-94C8C1C727F8}" dt="2022-12-17T13:33:26.721" v="165" actId="20577"/>
          <ac:spMkLst>
            <pc:docMk/>
            <pc:sldMk cId="295041497" sldId="301"/>
            <ac:spMk id="2" creationId="{164BAB01-7D3C-93D9-063D-D710160C25EF}"/>
          </ac:spMkLst>
        </pc:spChg>
        <pc:spChg chg="mod">
          <ac:chgData name="Emelie Westall Lundqvist" userId="S::s221956@dtu.dk::3a6c0c6b-4056-4919-93f8-4a249b28df98" providerId="AD" clId="Web-{D3DA381F-DB0A-A64A-8AF5-94C8C1C727F8}" dt="2022-12-17T13:36:43.552" v="167" actId="20577"/>
          <ac:spMkLst>
            <pc:docMk/>
            <pc:sldMk cId="295041497" sldId="301"/>
            <ac:spMk id="13" creationId="{5075C9F8-F90E-501A-6E9F-347CBF079311}"/>
          </ac:spMkLst>
        </pc:spChg>
      </pc:sldChg>
      <pc:sldChg chg="modSp modNotes">
        <pc:chgData name="Emelie Westall Lundqvist" userId="S::s221956@dtu.dk::3a6c0c6b-4056-4919-93f8-4a249b28df98" providerId="AD" clId="Web-{D3DA381F-DB0A-A64A-8AF5-94C8C1C727F8}" dt="2022-12-17T14:00:35.532" v="294"/>
        <pc:sldMkLst>
          <pc:docMk/>
          <pc:sldMk cId="4162553611" sldId="305"/>
        </pc:sldMkLst>
        <pc:spChg chg="mod">
          <ac:chgData name="Emelie Westall Lundqvist" userId="S::s221956@dtu.dk::3a6c0c6b-4056-4919-93f8-4a249b28df98" providerId="AD" clId="Web-{D3DA381F-DB0A-A64A-8AF5-94C8C1C727F8}" dt="2022-12-17T13:26:20.037" v="105" actId="20577"/>
          <ac:spMkLst>
            <pc:docMk/>
            <pc:sldMk cId="4162553611" sldId="305"/>
            <ac:spMk id="13" creationId="{9FD81746-0B0A-D0F2-47E1-54663AFAE383}"/>
          </ac:spMkLst>
        </pc:spChg>
      </pc:sldChg>
      <pc:sldChg chg="new">
        <pc:chgData name="Emelie Westall Lundqvist" userId="S::s221956@dtu.dk::3a6c0c6b-4056-4919-93f8-4a249b28df98" providerId="AD" clId="Web-{D3DA381F-DB0A-A64A-8AF5-94C8C1C727F8}" dt="2022-12-17T14:01:44.298" v="295"/>
        <pc:sldMkLst>
          <pc:docMk/>
          <pc:sldMk cId="3359640937" sldId="307"/>
        </pc:sldMkLst>
      </pc:sldChg>
    </pc:docChg>
  </pc:docChgLst>
  <pc:docChgLst>
    <pc:chgData name="Emelie Westall Lundqvist" userId="S::s221956@dtu.dk::3a6c0c6b-4056-4919-93f8-4a249b28df98" providerId="AD" clId="Web-{5D2790F1-041C-E16D-53A4-AE353E39A63F}"/>
    <pc:docChg chg="addSld delSld modSld sldOrd">
      <pc:chgData name="Emelie Westall Lundqvist" userId="S::s221956@dtu.dk::3a6c0c6b-4056-4919-93f8-4a249b28df98" providerId="AD" clId="Web-{5D2790F1-041C-E16D-53A4-AE353E39A63F}" dt="2022-12-17T16:07:28.537" v="1660" actId="20577"/>
      <pc:docMkLst>
        <pc:docMk/>
      </pc:docMkLst>
      <pc:sldChg chg="addSp delSp modSp add del">
        <pc:chgData name="Emelie Westall Lundqvist" userId="S::s221956@dtu.dk::3a6c0c6b-4056-4919-93f8-4a249b28df98" providerId="AD" clId="Web-{5D2790F1-041C-E16D-53A4-AE353E39A63F}" dt="2022-12-17T15:49:52.347" v="1408" actId="1076"/>
        <pc:sldMkLst>
          <pc:docMk/>
          <pc:sldMk cId="3949890615" sldId="290"/>
        </pc:sldMkLst>
        <pc:spChg chg="add del mod">
          <ac:chgData name="Emelie Westall Lundqvist" userId="S::s221956@dtu.dk::3a6c0c6b-4056-4919-93f8-4a249b28df98" providerId="AD" clId="Web-{5D2790F1-041C-E16D-53A4-AE353E39A63F}" dt="2022-12-17T14:55:51.023" v="50"/>
          <ac:spMkLst>
            <pc:docMk/>
            <pc:sldMk cId="3949890615" sldId="290"/>
            <ac:spMk id="3" creationId="{8D38B8D5-280F-A0DB-6A70-8808B7AD1AE1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49:52.253" v="1406" actId="1076"/>
          <ac:spMkLst>
            <pc:docMk/>
            <pc:sldMk cId="3949890615" sldId="290"/>
            <ac:spMk id="6" creationId="{6D600F5E-D77C-FE72-AA2D-7B319DB970E2}"/>
          </ac:spMkLst>
        </pc:spChg>
        <pc:spChg chg="add del mod">
          <ac:chgData name="Emelie Westall Lundqvist" userId="S::s221956@dtu.dk::3a6c0c6b-4056-4919-93f8-4a249b28df98" providerId="AD" clId="Web-{5D2790F1-041C-E16D-53A4-AE353E39A63F}" dt="2022-12-17T14:56:33.044" v="62"/>
          <ac:spMkLst>
            <pc:docMk/>
            <pc:sldMk cId="3949890615" sldId="290"/>
            <ac:spMk id="9" creationId="{55F23CFE-06D6-908C-3520-41F0B307C695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4:59:08.547" v="110" actId="1076"/>
          <ac:spMkLst>
            <pc:docMk/>
            <pc:sldMk cId="3949890615" sldId="290"/>
            <ac:spMk id="11" creationId="{89E3770D-0EB5-363E-EB4E-2522F90F5BC0}"/>
          </ac:spMkLst>
        </pc:spChg>
        <pc:spChg chg="del mod">
          <ac:chgData name="Emelie Westall Lundqvist" userId="S::s221956@dtu.dk::3a6c0c6b-4056-4919-93f8-4a249b28df98" providerId="AD" clId="Web-{5D2790F1-041C-E16D-53A4-AE353E39A63F}" dt="2022-12-17T15:01:20.987" v="160"/>
          <ac:spMkLst>
            <pc:docMk/>
            <pc:sldMk cId="3949890615" sldId="290"/>
            <ac:spMk id="12" creationId="{AB535B17-68B2-F3C4-DED2-D0EB02876E66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5:48:38.814" v="1385" actId="20577"/>
          <ac:spMkLst>
            <pc:docMk/>
            <pc:sldMk cId="3949890615" sldId="290"/>
            <ac:spMk id="14" creationId="{F62453B3-4622-F4C6-E44B-AEADADB1C2E3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49:52.347" v="1408" actId="1076"/>
          <ac:spMkLst>
            <pc:docMk/>
            <pc:sldMk cId="3949890615" sldId="290"/>
            <ac:spMk id="17" creationId="{C5445925-16A7-C3FD-722E-104399178D00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5:14:22.501" v="448" actId="1076"/>
          <ac:spMkLst>
            <pc:docMk/>
            <pc:sldMk cId="3949890615" sldId="290"/>
            <ac:spMk id="19" creationId="{CBED9CEA-469B-E683-61DF-547559970FB7}"/>
          </ac:spMkLst>
        </pc:spChg>
        <pc:spChg chg="add del mod">
          <ac:chgData name="Emelie Westall Lundqvist" userId="S::s221956@dtu.dk::3a6c0c6b-4056-4919-93f8-4a249b28df98" providerId="AD" clId="Web-{5D2790F1-041C-E16D-53A4-AE353E39A63F}" dt="2022-12-17T15:14:07.485" v="446"/>
          <ac:spMkLst>
            <pc:docMk/>
            <pc:sldMk cId="3949890615" sldId="290"/>
            <ac:spMk id="20" creationId="{23C771F6-CCE5-7C15-2D7A-B627D9E187CB}"/>
          </ac:spMkLst>
        </pc:spChg>
        <pc:spChg chg="add del mod">
          <ac:chgData name="Emelie Westall Lundqvist" userId="S::s221956@dtu.dk::3a6c0c6b-4056-4919-93f8-4a249b28df98" providerId="AD" clId="Web-{5D2790F1-041C-E16D-53A4-AE353E39A63F}" dt="2022-12-17T14:55:55.117" v="52"/>
          <ac:spMkLst>
            <pc:docMk/>
            <pc:sldMk cId="3949890615" sldId="290"/>
            <ac:spMk id="21" creationId="{C147D2DB-7986-573E-21B9-25DF12F18C78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49:45.175" v="1403" actId="1076"/>
          <ac:spMkLst>
            <pc:docMk/>
            <pc:sldMk cId="3949890615" sldId="290"/>
            <ac:spMk id="22" creationId="{C854065A-6160-D470-9921-41EB89E9377D}"/>
          </ac:spMkLst>
        </pc:spChg>
        <pc:graphicFrameChg chg="mod modGraphic">
          <ac:chgData name="Emelie Westall Lundqvist" userId="S::s221956@dtu.dk::3a6c0c6b-4056-4919-93f8-4a249b28df98" providerId="AD" clId="Web-{5D2790F1-041C-E16D-53A4-AE353E39A63F}" dt="2022-12-17T15:49:45.143" v="1402" actId="1076"/>
          <ac:graphicFrameMkLst>
            <pc:docMk/>
            <pc:sldMk cId="3949890615" sldId="290"/>
            <ac:graphicFrameMk id="7" creationId="{D046D3B9-1925-626A-4775-A635D63437F8}"/>
          </ac:graphicFrameMkLst>
        </pc:graphicFrameChg>
        <pc:graphicFrameChg chg="add mod modGraphic">
          <ac:chgData name="Emelie Westall Lundqvist" userId="S::s221956@dtu.dk::3a6c0c6b-4056-4919-93f8-4a249b28df98" providerId="AD" clId="Web-{5D2790F1-041C-E16D-53A4-AE353E39A63F}" dt="2022-12-17T15:49:45.221" v="1404" actId="1076"/>
          <ac:graphicFrameMkLst>
            <pc:docMk/>
            <pc:sldMk cId="3949890615" sldId="290"/>
            <ac:graphicFrameMk id="18" creationId="{4C9739BE-1CCA-B98E-6428-6585DBA402D2}"/>
          </ac:graphicFrameMkLst>
        </pc:graphicFrameChg>
        <pc:picChg chg="mod">
          <ac:chgData name="Emelie Westall Lundqvist" userId="S::s221956@dtu.dk::3a6c0c6b-4056-4919-93f8-4a249b28df98" providerId="AD" clId="Web-{5D2790F1-041C-E16D-53A4-AE353E39A63F}" dt="2022-12-17T15:49:52.237" v="1405" actId="1076"/>
          <ac:picMkLst>
            <pc:docMk/>
            <pc:sldMk cId="3949890615" sldId="290"/>
            <ac:picMk id="5" creationId="{7DDEFCA3-DCB2-7506-BEA6-41E16A3111AB}"/>
          </ac:picMkLst>
        </pc:picChg>
        <pc:picChg chg="mod">
          <ac:chgData name="Emelie Westall Lundqvist" userId="S::s221956@dtu.dk::3a6c0c6b-4056-4919-93f8-4a249b28df98" providerId="AD" clId="Web-{5D2790F1-041C-E16D-53A4-AE353E39A63F}" dt="2022-12-17T15:49:52.315" v="1407" actId="1076"/>
          <ac:picMkLst>
            <pc:docMk/>
            <pc:sldMk cId="3949890615" sldId="290"/>
            <ac:picMk id="15" creationId="{75121C11-E7C1-25A3-B82F-58FED9258AA7}"/>
          </ac:picMkLst>
        </pc:picChg>
      </pc:sldChg>
      <pc:sldChg chg="modSp">
        <pc:chgData name="Emelie Westall Lundqvist" userId="S::s221956@dtu.dk::3a6c0c6b-4056-4919-93f8-4a249b28df98" providerId="AD" clId="Web-{5D2790F1-041C-E16D-53A4-AE353E39A63F}" dt="2022-12-17T15:17:18.942" v="538" actId="1076"/>
        <pc:sldMkLst>
          <pc:docMk/>
          <pc:sldMk cId="3213211447" sldId="292"/>
        </pc:sldMkLst>
        <pc:spChg chg="mod">
          <ac:chgData name="Emelie Westall Lundqvist" userId="S::s221956@dtu.dk::3a6c0c6b-4056-4919-93f8-4a249b28df98" providerId="AD" clId="Web-{5D2790F1-041C-E16D-53A4-AE353E39A63F}" dt="2022-12-17T15:17:10.082" v="537" actId="20577"/>
          <ac:spMkLst>
            <pc:docMk/>
            <pc:sldMk cId="3213211447" sldId="292"/>
            <ac:spMk id="3" creationId="{89E26569-BA16-7E1E-ACF2-21DBA23C3713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17:18.942" v="538" actId="1076"/>
          <ac:spMkLst>
            <pc:docMk/>
            <pc:sldMk cId="3213211447" sldId="292"/>
            <ac:spMk id="5" creationId="{144ED827-ACA1-5E06-7C3D-51B166105391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06:25.836" v="311" actId="20577"/>
          <ac:spMkLst>
            <pc:docMk/>
            <pc:sldMk cId="3213211447" sldId="292"/>
            <ac:spMk id="9" creationId="{6D7B45B7-3FFF-6874-0FED-88BB7D81D986}"/>
          </ac:spMkLst>
        </pc:spChg>
        <pc:picChg chg="mod">
          <ac:chgData name="Emelie Westall Lundqvist" userId="S::s221956@dtu.dk::3a6c0c6b-4056-4919-93f8-4a249b28df98" providerId="AD" clId="Web-{5D2790F1-041C-E16D-53A4-AE353E39A63F}" dt="2022-12-17T15:06:40.587" v="315" actId="1076"/>
          <ac:picMkLst>
            <pc:docMk/>
            <pc:sldMk cId="3213211447" sldId="292"/>
            <ac:picMk id="2" creationId="{A1FBDAE1-64E4-27EA-FCD6-3E1B2B23BE10}"/>
          </ac:picMkLst>
        </pc:picChg>
      </pc:sldChg>
      <pc:sldChg chg="addSp delSp modSp ord">
        <pc:chgData name="Emelie Westall Lundqvist" userId="S::s221956@dtu.dk::3a6c0c6b-4056-4919-93f8-4a249b28df98" providerId="AD" clId="Web-{5D2790F1-041C-E16D-53A4-AE353E39A63F}" dt="2022-12-17T15:47:42.391" v="1372" actId="20577"/>
        <pc:sldMkLst>
          <pc:docMk/>
          <pc:sldMk cId="24647807" sldId="294"/>
        </pc:sldMkLst>
        <pc:spChg chg="add del mod">
          <ac:chgData name="Emelie Westall Lundqvist" userId="S::s221956@dtu.dk::3a6c0c6b-4056-4919-93f8-4a249b28df98" providerId="AD" clId="Web-{5D2790F1-041C-E16D-53A4-AE353E39A63F}" dt="2022-12-17T14:54:47.178" v="20"/>
          <ac:spMkLst>
            <pc:docMk/>
            <pc:sldMk cId="24647807" sldId="294"/>
            <ac:spMk id="3" creationId="{65506483-154D-B42F-0F7B-250DB81819AD}"/>
          </ac:spMkLst>
        </pc:spChg>
        <pc:spChg chg="mod">
          <ac:chgData name="Emelie Westall Lundqvist" userId="S::s221956@dtu.dk::3a6c0c6b-4056-4919-93f8-4a249b28df98" providerId="AD" clId="Web-{5D2790F1-041C-E16D-53A4-AE353E39A63F}" dt="2022-12-17T14:54:09.271" v="8" actId="1076"/>
          <ac:spMkLst>
            <pc:docMk/>
            <pc:sldMk cId="24647807" sldId="294"/>
            <ac:spMk id="5" creationId="{2F216128-3307-50B1-1D75-193E9EA2C83D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5:08:35.682" v="393" actId="20577"/>
          <ac:spMkLst>
            <pc:docMk/>
            <pc:sldMk cId="24647807" sldId="294"/>
            <ac:spMk id="6" creationId="{E8A8102B-56A0-62A6-4F21-2B1020C970FC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47:42.391" v="1372" actId="20577"/>
          <ac:spMkLst>
            <pc:docMk/>
            <pc:sldMk cId="24647807" sldId="294"/>
            <ac:spMk id="9" creationId="{6D7B45B7-3FFF-6874-0FED-88BB7D81D986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46:16.718" v="1350" actId="1076"/>
          <ac:spMkLst>
            <pc:docMk/>
            <pc:sldMk cId="24647807" sldId="294"/>
            <ac:spMk id="10" creationId="{96590885-4586-509B-F45C-CA6792C87267}"/>
          </ac:spMkLst>
        </pc:spChg>
        <pc:picChg chg="add del mod">
          <ac:chgData name="Emelie Westall Lundqvist" userId="S::s221956@dtu.dk::3a6c0c6b-4056-4919-93f8-4a249b28df98" providerId="AD" clId="Web-{5D2790F1-041C-E16D-53A4-AE353E39A63F}" dt="2022-12-17T15:07:51.025" v="369"/>
          <ac:picMkLst>
            <pc:docMk/>
            <pc:sldMk cId="24647807" sldId="294"/>
            <ac:picMk id="7" creationId="{AA829E75-20EE-837C-1C0A-894562B14F5A}"/>
          </ac:picMkLst>
        </pc:picChg>
        <pc:picChg chg="add mod">
          <ac:chgData name="Emelie Westall Lundqvist" userId="S::s221956@dtu.dk::3a6c0c6b-4056-4919-93f8-4a249b28df98" providerId="AD" clId="Web-{5D2790F1-041C-E16D-53A4-AE353E39A63F}" dt="2022-12-17T15:12:29.015" v="425" actId="1076"/>
          <ac:picMkLst>
            <pc:docMk/>
            <pc:sldMk cId="24647807" sldId="294"/>
            <ac:picMk id="8" creationId="{4F32DEFD-B33B-C214-14AB-85D0FE36FF91}"/>
          </ac:picMkLst>
        </pc:picChg>
      </pc:sldChg>
      <pc:sldChg chg="modSp">
        <pc:chgData name="Emelie Westall Lundqvist" userId="S::s221956@dtu.dk::3a6c0c6b-4056-4919-93f8-4a249b28df98" providerId="AD" clId="Web-{5D2790F1-041C-E16D-53A4-AE353E39A63F}" dt="2022-12-17T15:19:25.116" v="617" actId="1076"/>
        <pc:sldMkLst>
          <pc:docMk/>
          <pc:sldMk cId="2722807843" sldId="300"/>
        </pc:sldMkLst>
        <pc:spChg chg="mod">
          <ac:chgData name="Emelie Westall Lundqvist" userId="S::s221956@dtu.dk::3a6c0c6b-4056-4919-93f8-4a249b28df98" providerId="AD" clId="Web-{5D2790F1-041C-E16D-53A4-AE353E39A63F}" dt="2022-12-17T15:19:25.116" v="617" actId="1076"/>
          <ac:spMkLst>
            <pc:docMk/>
            <pc:sldMk cId="2722807843" sldId="300"/>
            <ac:spMk id="5" creationId="{E0063133-201E-BC04-7A8B-4B488D35490C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19:12.569" v="615" actId="14100"/>
          <ac:spMkLst>
            <pc:docMk/>
            <pc:sldMk cId="2722807843" sldId="300"/>
            <ac:spMk id="7" creationId="{49AF0621-8E05-C8C2-E9A6-C79E9F0AFAEE}"/>
          </ac:spMkLst>
        </pc:spChg>
        <pc:picChg chg="mod">
          <ac:chgData name="Emelie Westall Lundqvist" userId="S::s221956@dtu.dk::3a6c0c6b-4056-4919-93f8-4a249b28df98" providerId="AD" clId="Web-{5D2790F1-041C-E16D-53A4-AE353E39A63F}" dt="2022-12-17T15:19:04.584" v="613" actId="14100"/>
          <ac:picMkLst>
            <pc:docMk/>
            <pc:sldMk cId="2722807843" sldId="300"/>
            <ac:picMk id="3" creationId="{56B1932A-999D-A160-08FA-C443E63804BE}"/>
          </ac:picMkLst>
        </pc:picChg>
        <pc:picChg chg="mod">
          <ac:chgData name="Emelie Westall Lundqvist" userId="S::s221956@dtu.dk::3a6c0c6b-4056-4919-93f8-4a249b28df98" providerId="AD" clId="Web-{5D2790F1-041C-E16D-53A4-AE353E39A63F}" dt="2022-12-17T15:19:25.100" v="616" actId="1076"/>
          <ac:picMkLst>
            <pc:docMk/>
            <pc:sldMk cId="2722807843" sldId="300"/>
            <ac:picMk id="9" creationId="{F9BAB189-56AE-D33D-8B6C-2DBE51EEFDC0}"/>
          </ac:picMkLst>
        </pc:picChg>
        <pc:picChg chg="mod">
          <ac:chgData name="Emelie Westall Lundqvist" userId="S::s221956@dtu.dk::3a6c0c6b-4056-4919-93f8-4a249b28df98" providerId="AD" clId="Web-{5D2790F1-041C-E16D-53A4-AE353E39A63F}" dt="2022-12-17T15:19:02.694" v="612" actId="1076"/>
          <ac:picMkLst>
            <pc:docMk/>
            <pc:sldMk cId="2722807843" sldId="300"/>
            <ac:picMk id="16" creationId="{79D9DC11-D29F-E1BD-AD9F-A3426A4DCB55}"/>
          </ac:picMkLst>
        </pc:picChg>
      </pc:sldChg>
      <pc:sldChg chg="addSp delSp modSp">
        <pc:chgData name="Emelie Westall Lundqvist" userId="S::s221956@dtu.dk::3a6c0c6b-4056-4919-93f8-4a249b28df98" providerId="AD" clId="Web-{5D2790F1-041C-E16D-53A4-AE353E39A63F}" dt="2022-12-17T16:01:00.671" v="1519" actId="20577"/>
        <pc:sldMkLst>
          <pc:docMk/>
          <pc:sldMk cId="295041497" sldId="301"/>
        </pc:sldMkLst>
        <pc:spChg chg="add mod">
          <ac:chgData name="Emelie Westall Lundqvist" userId="S::s221956@dtu.dk::3a6c0c6b-4056-4919-93f8-4a249b28df98" providerId="AD" clId="Web-{5D2790F1-041C-E16D-53A4-AE353E39A63F}" dt="2022-12-17T16:01:00.671" v="1519" actId="20577"/>
          <ac:spMkLst>
            <pc:docMk/>
            <pc:sldMk cId="295041497" sldId="301"/>
            <ac:spMk id="3" creationId="{B7587477-D732-0A58-FE6C-7FD90FCA4693}"/>
          </ac:spMkLst>
        </pc:spChg>
        <pc:spChg chg="del mod">
          <ac:chgData name="Emelie Westall Lundqvist" userId="S::s221956@dtu.dk::3a6c0c6b-4056-4919-93f8-4a249b28df98" providerId="AD" clId="Web-{5D2790F1-041C-E16D-53A4-AE353E39A63F}" dt="2022-12-17T14:55:06.038" v="25"/>
          <ac:spMkLst>
            <pc:docMk/>
            <pc:sldMk cId="295041497" sldId="301"/>
            <ac:spMk id="5" creationId="{34B60F10-5447-35E5-BB5A-27F7AD4EFD36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6:00:56.827" v="1516" actId="20577"/>
          <ac:spMkLst>
            <pc:docMk/>
            <pc:sldMk cId="295041497" sldId="301"/>
            <ac:spMk id="7" creationId="{EB51D916-2CE0-3173-F445-072879F5D735}"/>
          </ac:spMkLst>
        </pc:spChg>
        <pc:spChg chg="del mod">
          <ac:chgData name="Emelie Westall Lundqvist" userId="S::s221956@dtu.dk::3a6c0c6b-4056-4919-93f8-4a249b28df98" providerId="AD" clId="Web-{5D2790F1-041C-E16D-53A4-AE353E39A63F}" dt="2022-12-17T15:26:52.593" v="988"/>
          <ac:spMkLst>
            <pc:docMk/>
            <pc:sldMk cId="295041497" sldId="301"/>
            <ac:spMk id="9" creationId="{0B533101-FF4D-0161-D85F-1C1067C1B7A9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55:42.603" v="1426" actId="1076"/>
          <ac:spMkLst>
            <pc:docMk/>
            <pc:sldMk cId="295041497" sldId="301"/>
            <ac:spMk id="10" creationId="{A956CD34-1011-11E1-F56D-113A45BBF2E3}"/>
          </ac:spMkLst>
        </pc:spChg>
        <pc:spChg chg="mod">
          <ac:chgData name="Emelie Westall Lundqvist" userId="S::s221956@dtu.dk::3a6c0c6b-4056-4919-93f8-4a249b28df98" providerId="AD" clId="Web-{5D2790F1-041C-E16D-53A4-AE353E39A63F}" dt="2022-12-17T16:00:51.671" v="1513" actId="20577"/>
          <ac:spMkLst>
            <pc:docMk/>
            <pc:sldMk cId="295041497" sldId="301"/>
            <ac:spMk id="13" creationId="{5075C9F8-F90E-501A-6E9F-347CBF079311}"/>
          </ac:spMkLst>
        </pc:spChg>
        <pc:spChg chg="del mod">
          <ac:chgData name="Emelie Westall Lundqvist" userId="S::s221956@dtu.dk::3a6c0c6b-4056-4919-93f8-4a249b28df98" providerId="AD" clId="Web-{5D2790F1-041C-E16D-53A4-AE353E39A63F}" dt="2022-12-17T15:26:52.593" v="987"/>
          <ac:spMkLst>
            <pc:docMk/>
            <pc:sldMk cId="295041497" sldId="301"/>
            <ac:spMk id="14" creationId="{E8583EB1-B63A-1A04-BA7B-FFF42AC0643A}"/>
          </ac:spMkLst>
        </pc:spChg>
        <pc:picChg chg="del">
          <ac:chgData name="Emelie Westall Lundqvist" userId="S::s221956@dtu.dk::3a6c0c6b-4056-4919-93f8-4a249b28df98" providerId="AD" clId="Web-{5D2790F1-041C-E16D-53A4-AE353E39A63F}" dt="2022-12-17T15:26:52.593" v="990"/>
          <ac:picMkLst>
            <pc:docMk/>
            <pc:sldMk cId="295041497" sldId="301"/>
            <ac:picMk id="6" creationId="{772E4D77-DC24-7786-1EAE-5A4359B09105}"/>
          </ac:picMkLst>
        </pc:picChg>
        <pc:picChg chg="del">
          <ac:chgData name="Emelie Westall Lundqvist" userId="S::s221956@dtu.dk::3a6c0c6b-4056-4919-93f8-4a249b28df98" providerId="AD" clId="Web-{5D2790F1-041C-E16D-53A4-AE353E39A63F}" dt="2022-12-17T15:26:52.593" v="989"/>
          <ac:picMkLst>
            <pc:docMk/>
            <pc:sldMk cId="295041497" sldId="301"/>
            <ac:picMk id="8" creationId="{2AA68238-7763-497B-D148-7B969C80ED1B}"/>
          </ac:picMkLst>
        </pc:picChg>
        <pc:picChg chg="mod">
          <ac:chgData name="Emelie Westall Lundqvist" userId="S::s221956@dtu.dk::3a6c0c6b-4056-4919-93f8-4a249b28df98" providerId="AD" clId="Web-{5D2790F1-041C-E16D-53A4-AE353E39A63F}" dt="2022-12-17T15:55:44.744" v="1427" actId="1076"/>
          <ac:picMkLst>
            <pc:docMk/>
            <pc:sldMk cId="295041497" sldId="301"/>
            <ac:picMk id="12" creationId="{84DC5A15-6DEE-5F7C-0FA4-0E3397DE9209}"/>
          </ac:picMkLst>
        </pc:picChg>
      </pc:sldChg>
      <pc:sldChg chg="addSp delSp modSp del">
        <pc:chgData name="Emelie Westall Lundqvist" userId="S::s221956@dtu.dk::3a6c0c6b-4056-4919-93f8-4a249b28df98" providerId="AD" clId="Web-{5D2790F1-041C-E16D-53A4-AE353E39A63F}" dt="2022-12-17T15:10:45.857" v="419"/>
        <pc:sldMkLst>
          <pc:docMk/>
          <pc:sldMk cId="3188776685" sldId="304"/>
        </pc:sldMkLst>
        <pc:spChg chg="mod">
          <ac:chgData name="Emelie Westall Lundqvist" userId="S::s221956@dtu.dk::3a6c0c6b-4056-4919-93f8-4a249b28df98" providerId="AD" clId="Web-{5D2790F1-041C-E16D-53A4-AE353E39A63F}" dt="2022-12-17T14:59:27.048" v="112" actId="1076"/>
          <ac:spMkLst>
            <pc:docMk/>
            <pc:sldMk cId="3188776685" sldId="304"/>
            <ac:spMk id="2" creationId="{164BAB01-7D3C-93D9-063D-D710160C25EF}"/>
          </ac:spMkLst>
        </pc:spChg>
        <pc:spChg chg="add del mod">
          <ac:chgData name="Emelie Westall Lundqvist" userId="S::s221956@dtu.dk::3a6c0c6b-4056-4919-93f8-4a249b28df98" providerId="AD" clId="Web-{5D2790F1-041C-E16D-53A4-AE353E39A63F}" dt="2022-12-17T14:57:59.921" v="89"/>
          <ac:spMkLst>
            <pc:docMk/>
            <pc:sldMk cId="3188776685" sldId="304"/>
            <ac:spMk id="7" creationId="{B28AE9B2-86B1-A378-4884-0AB33498207C}"/>
          </ac:spMkLst>
        </pc:spChg>
        <pc:spChg chg="add del mod">
          <ac:chgData name="Emelie Westall Lundqvist" userId="S::s221956@dtu.dk::3a6c0c6b-4056-4919-93f8-4a249b28df98" providerId="AD" clId="Web-{5D2790F1-041C-E16D-53A4-AE353E39A63F}" dt="2022-12-17T14:55:20.913" v="33"/>
          <ac:spMkLst>
            <pc:docMk/>
            <pc:sldMk cId="3188776685" sldId="304"/>
            <ac:spMk id="10" creationId="{557224BB-207D-A9DF-54E9-06F7B580B4C9}"/>
          </ac:spMkLst>
        </pc:spChg>
        <pc:spChg chg="mod">
          <ac:chgData name="Emelie Westall Lundqvist" userId="S::s221956@dtu.dk::3a6c0c6b-4056-4919-93f8-4a249b28df98" providerId="AD" clId="Web-{5D2790F1-041C-E16D-53A4-AE353E39A63F}" dt="2022-12-17T14:59:23.110" v="111" actId="1076"/>
          <ac:spMkLst>
            <pc:docMk/>
            <pc:sldMk cId="3188776685" sldId="304"/>
            <ac:spMk id="11" creationId="{76192E61-EB64-9A98-C3D7-AE17167B7604}"/>
          </ac:spMkLst>
        </pc:spChg>
        <pc:spChg chg="add del mod">
          <ac:chgData name="Emelie Westall Lundqvist" userId="S::s221956@dtu.dk::3a6c0c6b-4056-4919-93f8-4a249b28df98" providerId="AD" clId="Web-{5D2790F1-041C-E16D-53A4-AE353E39A63F}" dt="2022-12-17T14:57:59.921" v="87"/>
          <ac:spMkLst>
            <pc:docMk/>
            <pc:sldMk cId="3188776685" sldId="304"/>
            <ac:spMk id="14" creationId="{A4B4A75C-48BD-B0B3-76E6-65F1C285EB8A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4:58:45.234" v="103" actId="1076"/>
          <ac:spMkLst>
            <pc:docMk/>
            <pc:sldMk cId="3188776685" sldId="304"/>
            <ac:spMk id="18" creationId="{B2CBD63C-EBB6-9CBD-A77F-CC088118CA38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4:58:45.312" v="105" actId="1076"/>
          <ac:spMkLst>
            <pc:docMk/>
            <pc:sldMk cId="3188776685" sldId="304"/>
            <ac:spMk id="22" creationId="{2E20DE1A-4DEF-B63F-243F-DDBD7C1ED4F1}"/>
          </ac:spMkLst>
        </pc:spChg>
        <pc:spChg chg="add del">
          <ac:chgData name="Emelie Westall Lundqvist" userId="S::s221956@dtu.dk::3a6c0c6b-4056-4919-93f8-4a249b28df98" providerId="AD" clId="Web-{5D2790F1-041C-E16D-53A4-AE353E39A63F}" dt="2022-12-17T15:00:07.017" v="124"/>
          <ac:spMkLst>
            <pc:docMk/>
            <pc:sldMk cId="3188776685" sldId="304"/>
            <ac:spMk id="26" creationId="{CAE57EA6-F444-969E-56EA-08102E282734}"/>
          </ac:spMkLst>
        </pc:spChg>
        <pc:spChg chg="add del">
          <ac:chgData name="Emelie Westall Lundqvist" userId="S::s221956@dtu.dk::3a6c0c6b-4056-4919-93f8-4a249b28df98" providerId="AD" clId="Web-{5D2790F1-041C-E16D-53A4-AE353E39A63F}" dt="2022-12-17T15:00:07.001" v="123"/>
          <ac:spMkLst>
            <pc:docMk/>
            <pc:sldMk cId="3188776685" sldId="304"/>
            <ac:spMk id="28" creationId="{32D638F8-80AB-4233-CA49-AB1C41792605}"/>
          </ac:spMkLst>
        </pc:spChg>
        <pc:graphicFrameChg chg="add del mod modGraphic">
          <ac:chgData name="Emelie Westall Lundqvist" userId="S::s221956@dtu.dk::3a6c0c6b-4056-4919-93f8-4a249b28df98" providerId="AD" clId="Web-{5D2790F1-041C-E16D-53A4-AE353E39A63F}" dt="2022-12-17T14:58:56.359" v="108" actId="1076"/>
          <ac:graphicFrameMkLst>
            <pc:docMk/>
            <pc:sldMk cId="3188776685" sldId="304"/>
            <ac:graphicFrameMk id="9" creationId="{F73B73AD-CC82-156F-BCAE-4813A2DA4111}"/>
          </ac:graphicFrameMkLst>
        </pc:graphicFrameChg>
        <pc:graphicFrameChg chg="add del">
          <ac:chgData name="Emelie Westall Lundqvist" userId="S::s221956@dtu.dk::3a6c0c6b-4056-4919-93f8-4a249b28df98" providerId="AD" clId="Web-{5D2790F1-041C-E16D-53A4-AE353E39A63F}" dt="2022-12-17T15:00:07.017" v="125"/>
          <ac:graphicFrameMkLst>
            <pc:docMk/>
            <pc:sldMk cId="3188776685" sldId="304"/>
            <ac:graphicFrameMk id="24" creationId="{C811634E-BA8C-C47F-CBE6-91C26A590021}"/>
          </ac:graphicFrameMkLst>
        </pc:graphicFrameChg>
        <pc:picChg chg="add del mod">
          <ac:chgData name="Emelie Westall Lundqvist" userId="S::s221956@dtu.dk::3a6c0c6b-4056-4919-93f8-4a249b28df98" providerId="AD" clId="Web-{5D2790F1-041C-E16D-53A4-AE353E39A63F}" dt="2022-12-17T14:57:59.921" v="90"/>
          <ac:picMkLst>
            <pc:docMk/>
            <pc:sldMk cId="3188776685" sldId="304"/>
            <ac:picMk id="5" creationId="{B7F92F00-1796-B59E-10BD-479419E36141}"/>
          </ac:picMkLst>
        </pc:picChg>
        <pc:picChg chg="add del mod">
          <ac:chgData name="Emelie Westall Lundqvist" userId="S::s221956@dtu.dk::3a6c0c6b-4056-4919-93f8-4a249b28df98" providerId="AD" clId="Web-{5D2790F1-041C-E16D-53A4-AE353E39A63F}" dt="2022-12-17T14:57:59.921" v="88"/>
          <ac:picMkLst>
            <pc:docMk/>
            <pc:sldMk cId="3188776685" sldId="304"/>
            <ac:picMk id="12" creationId="{FE5F4244-4AA4-2507-4CC9-5FBEF99D3E8B}"/>
          </ac:picMkLst>
        </pc:picChg>
        <pc:picChg chg="add mod">
          <ac:chgData name="Emelie Westall Lundqvist" userId="S::s221956@dtu.dk::3a6c0c6b-4056-4919-93f8-4a249b28df98" providerId="AD" clId="Web-{5D2790F1-041C-E16D-53A4-AE353E39A63F}" dt="2022-12-17T14:58:45.219" v="102" actId="1076"/>
          <ac:picMkLst>
            <pc:docMk/>
            <pc:sldMk cId="3188776685" sldId="304"/>
            <ac:picMk id="16" creationId="{DACA249A-D7A9-B971-1C49-98F317B50C51}"/>
          </ac:picMkLst>
        </pc:picChg>
        <pc:picChg chg="add mod">
          <ac:chgData name="Emelie Westall Lundqvist" userId="S::s221956@dtu.dk::3a6c0c6b-4056-4919-93f8-4a249b28df98" providerId="AD" clId="Web-{5D2790F1-041C-E16D-53A4-AE353E39A63F}" dt="2022-12-17T14:58:45.297" v="104" actId="1076"/>
          <ac:picMkLst>
            <pc:docMk/>
            <pc:sldMk cId="3188776685" sldId="304"/>
            <ac:picMk id="20" creationId="{EB531613-718B-AE18-741D-BB5AFBC50A24}"/>
          </ac:picMkLst>
        </pc:picChg>
      </pc:sldChg>
      <pc:sldChg chg="addSp delSp modSp">
        <pc:chgData name="Emelie Westall Lundqvist" userId="S::s221956@dtu.dk::3a6c0c6b-4056-4919-93f8-4a249b28df98" providerId="AD" clId="Web-{5D2790F1-041C-E16D-53A4-AE353E39A63F}" dt="2022-12-17T15:50:42.019" v="1412" actId="14100"/>
        <pc:sldMkLst>
          <pc:docMk/>
          <pc:sldMk cId="4162553611" sldId="305"/>
        </pc:sldMkLst>
        <pc:spChg chg="mod">
          <ac:chgData name="Emelie Westall Lundqvist" userId="S::s221956@dtu.dk::3a6c0c6b-4056-4919-93f8-4a249b28df98" providerId="AD" clId="Web-{5D2790F1-041C-E16D-53A4-AE353E39A63F}" dt="2022-12-17T15:15:55.222" v="488" actId="20577"/>
          <ac:spMkLst>
            <pc:docMk/>
            <pc:sldMk cId="4162553611" sldId="305"/>
            <ac:spMk id="9" creationId="{FD7A3B12-8840-0549-9986-3038107BDF75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50:42.019" v="1412" actId="14100"/>
          <ac:spMkLst>
            <pc:docMk/>
            <pc:sldMk cId="4162553611" sldId="305"/>
            <ac:spMk id="13" creationId="{9FD81746-0B0A-D0F2-47E1-54663AFAE383}"/>
          </ac:spMkLst>
        </pc:spChg>
        <pc:spChg chg="add del mod">
          <ac:chgData name="Emelie Westall Lundqvist" userId="S::s221956@dtu.dk::3a6c0c6b-4056-4919-93f8-4a249b28df98" providerId="AD" clId="Web-{5D2790F1-041C-E16D-53A4-AE353E39A63F}" dt="2022-12-17T15:10:14.575" v="416"/>
          <ac:spMkLst>
            <pc:docMk/>
            <pc:sldMk cId="4162553611" sldId="305"/>
            <ac:spMk id="109" creationId="{264D7648-65F9-382D-7445-62E079E162FA}"/>
          </ac:spMkLst>
        </pc:spChg>
        <pc:graphicFrameChg chg="add del mod modGraphic">
          <ac:chgData name="Emelie Westall Lundqvist" userId="S::s221956@dtu.dk::3a6c0c6b-4056-4919-93f8-4a249b28df98" providerId="AD" clId="Web-{5D2790F1-041C-E16D-53A4-AE353E39A63F}" dt="2022-12-17T15:10:11.278" v="415"/>
          <ac:graphicFrameMkLst>
            <pc:docMk/>
            <pc:sldMk cId="4162553611" sldId="305"/>
            <ac:graphicFrameMk id="3" creationId="{AA3B0711-1D4E-FF51-2C4B-0619294807B0}"/>
          </ac:graphicFrameMkLst>
        </pc:graphicFrameChg>
      </pc:sldChg>
      <pc:sldChg chg="addSp delSp modSp">
        <pc:chgData name="Emelie Westall Lundqvist" userId="S::s221956@dtu.dk::3a6c0c6b-4056-4919-93f8-4a249b28df98" providerId="AD" clId="Web-{5D2790F1-041C-E16D-53A4-AE353E39A63F}" dt="2022-12-17T15:19:49.179" v="627" actId="1076"/>
        <pc:sldMkLst>
          <pc:docMk/>
          <pc:sldMk cId="4113698000" sldId="306"/>
        </pc:sldMkLst>
        <pc:spChg chg="mod">
          <ac:chgData name="Emelie Westall Lundqvist" userId="S::s221956@dtu.dk::3a6c0c6b-4056-4919-93f8-4a249b28df98" providerId="AD" clId="Web-{5D2790F1-041C-E16D-53A4-AE353E39A63F}" dt="2022-12-17T15:19:49.163" v="624" actId="1076"/>
          <ac:spMkLst>
            <pc:docMk/>
            <pc:sldMk cId="4113698000" sldId="306"/>
            <ac:spMk id="3" creationId="{D5B4B38F-42E9-B561-796A-9B1E8FB7F60A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19:35.679" v="619" actId="1076"/>
          <ac:spMkLst>
            <pc:docMk/>
            <pc:sldMk cId="4113698000" sldId="306"/>
            <ac:spMk id="4" creationId="{85BE02BF-920D-F785-1990-28A9F9555ACA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19:49.163" v="625" actId="1076"/>
          <ac:spMkLst>
            <pc:docMk/>
            <pc:sldMk cId="4113698000" sldId="306"/>
            <ac:spMk id="5" creationId="{E30610F1-0C6C-DFBD-460A-38F956EE7F3C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19:49.132" v="621" actId="1076"/>
          <ac:spMkLst>
            <pc:docMk/>
            <pc:sldMk cId="4113698000" sldId="306"/>
            <ac:spMk id="6" creationId="{E1794BC6-D153-6BAA-1484-20939995FCA5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19:49.148" v="622" actId="1076"/>
          <ac:spMkLst>
            <pc:docMk/>
            <pc:sldMk cId="4113698000" sldId="306"/>
            <ac:spMk id="7" creationId="{60FC8BE2-C8FE-296C-23DB-71E79AAA201C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19:49.148" v="623" actId="1076"/>
          <ac:spMkLst>
            <pc:docMk/>
            <pc:sldMk cId="4113698000" sldId="306"/>
            <ac:spMk id="8" creationId="{6E9116A5-6AA9-43F6-BA9C-8A35E6B155C5}"/>
          </ac:spMkLst>
        </pc:spChg>
        <pc:spChg chg="del mod">
          <ac:chgData name="Emelie Westall Lundqvist" userId="S::s221956@dtu.dk::3a6c0c6b-4056-4919-93f8-4a249b28df98" providerId="AD" clId="Web-{5D2790F1-041C-E16D-53A4-AE353E39A63F}" dt="2022-12-17T14:55:00.397" v="23"/>
          <ac:spMkLst>
            <pc:docMk/>
            <pc:sldMk cId="4113698000" sldId="306"/>
            <ac:spMk id="17" creationId="{D058C6F1-BC51-B32D-E605-25A2D030BD67}"/>
          </ac:spMkLst>
        </pc:spChg>
        <pc:picChg chg="add del mod">
          <ac:chgData name="Emelie Westall Lundqvist" userId="S::s221956@dtu.dk::3a6c0c6b-4056-4919-93f8-4a249b28df98" providerId="AD" clId="Web-{5D2790F1-041C-E16D-53A4-AE353E39A63F}" dt="2022-12-17T15:07:42.322" v="363"/>
          <ac:picMkLst>
            <pc:docMk/>
            <pc:sldMk cId="4113698000" sldId="306"/>
            <ac:picMk id="12" creationId="{A8298C5D-CF96-D475-7FAF-7C6DB829496E}"/>
          </ac:picMkLst>
        </pc:picChg>
        <pc:picChg chg="mod">
          <ac:chgData name="Emelie Westall Lundqvist" userId="S::s221956@dtu.dk::3a6c0c6b-4056-4919-93f8-4a249b28df98" providerId="AD" clId="Web-{5D2790F1-041C-E16D-53A4-AE353E39A63F}" dt="2022-12-17T15:19:49.117" v="620" actId="1076"/>
          <ac:picMkLst>
            <pc:docMk/>
            <pc:sldMk cId="4113698000" sldId="306"/>
            <ac:picMk id="14" creationId="{4EBC6445-55B4-8308-5793-5E9BD334A3AB}"/>
          </ac:picMkLst>
        </pc:picChg>
        <pc:picChg chg="del">
          <ac:chgData name="Emelie Westall Lundqvist" userId="S::s221956@dtu.dk::3a6c0c6b-4056-4919-93f8-4a249b28df98" providerId="AD" clId="Web-{5D2790F1-041C-E16D-53A4-AE353E39A63F}" dt="2022-12-17T14:54:30.240" v="11"/>
          <ac:picMkLst>
            <pc:docMk/>
            <pc:sldMk cId="4113698000" sldId="306"/>
            <ac:picMk id="15" creationId="{92A1AB10-F942-68FA-33B6-4CFA4498D318}"/>
          </ac:picMkLst>
        </pc:picChg>
        <pc:cxnChg chg="mod">
          <ac:chgData name="Emelie Westall Lundqvist" userId="S::s221956@dtu.dk::3a6c0c6b-4056-4919-93f8-4a249b28df98" providerId="AD" clId="Web-{5D2790F1-041C-E16D-53A4-AE353E39A63F}" dt="2022-12-17T15:19:49.163" v="626" actId="1076"/>
          <ac:cxnSpMkLst>
            <pc:docMk/>
            <pc:sldMk cId="4113698000" sldId="306"/>
            <ac:cxnSpMk id="9" creationId="{A314C5D7-9119-FF91-66A3-8315ECB5C695}"/>
          </ac:cxnSpMkLst>
        </pc:cxnChg>
        <pc:cxnChg chg="mod">
          <ac:chgData name="Emelie Westall Lundqvist" userId="S::s221956@dtu.dk::3a6c0c6b-4056-4919-93f8-4a249b28df98" providerId="AD" clId="Web-{5D2790F1-041C-E16D-53A4-AE353E39A63F}" dt="2022-12-17T15:19:49.179" v="627" actId="1076"/>
          <ac:cxnSpMkLst>
            <pc:docMk/>
            <pc:sldMk cId="4113698000" sldId="306"/>
            <ac:cxnSpMk id="10" creationId="{1D5E697A-D36B-B842-EF58-EBCAC94F2C4C}"/>
          </ac:cxnSpMkLst>
        </pc:cxnChg>
      </pc:sldChg>
      <pc:sldChg chg="modSp">
        <pc:chgData name="Emelie Westall Lundqvist" userId="S::s221956@dtu.dk::3a6c0c6b-4056-4919-93f8-4a249b28df98" providerId="AD" clId="Web-{5D2790F1-041C-E16D-53A4-AE353E39A63F}" dt="2022-12-17T16:07:28.537" v="1660" actId="20577"/>
        <pc:sldMkLst>
          <pc:docMk/>
          <pc:sldMk cId="1527060390" sldId="308"/>
        </pc:sldMkLst>
        <pc:spChg chg="mod">
          <ac:chgData name="Emelie Westall Lundqvist" userId="S::s221956@dtu.dk::3a6c0c6b-4056-4919-93f8-4a249b28df98" providerId="AD" clId="Web-{5D2790F1-041C-E16D-53A4-AE353E39A63F}" dt="2022-12-17T16:07:28.537" v="1660" actId="20577"/>
          <ac:spMkLst>
            <pc:docMk/>
            <pc:sldMk cId="1527060390" sldId="308"/>
            <ac:spMk id="3" creationId="{DE3D43CB-4841-808A-3D72-80FCE0CD191F}"/>
          </ac:spMkLst>
        </pc:spChg>
      </pc:sldChg>
      <pc:sldChg chg="addSp delSp modSp">
        <pc:chgData name="Emelie Westall Lundqvist" userId="S::s221956@dtu.dk::3a6c0c6b-4056-4919-93f8-4a249b28df98" providerId="AD" clId="Web-{5D2790F1-041C-E16D-53A4-AE353E39A63F}" dt="2022-12-17T15:09:27.511" v="407"/>
        <pc:sldMkLst>
          <pc:docMk/>
          <pc:sldMk cId="2063457614" sldId="309"/>
        </pc:sldMkLst>
        <pc:spChg chg="add del">
          <ac:chgData name="Emelie Westall Lundqvist" userId="S::s221956@dtu.dk::3a6c0c6b-4056-4919-93f8-4a249b28df98" providerId="AD" clId="Web-{5D2790F1-041C-E16D-53A4-AE353E39A63F}" dt="2022-12-17T15:08:50.792" v="401"/>
          <ac:spMkLst>
            <pc:docMk/>
            <pc:sldMk cId="2063457614" sldId="309"/>
            <ac:spMk id="9" creationId="{CFE55555-BC6E-9AAD-391B-DC4CDE8ACC42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08:49.198" v="400" actId="20577"/>
          <ac:spMkLst>
            <pc:docMk/>
            <pc:sldMk cId="2063457614" sldId="309"/>
            <ac:spMk id="10" creationId="{262FD493-FD72-99BE-E7ED-62446E9BDA5D}"/>
          </ac:spMkLst>
        </pc:spChg>
        <pc:graphicFrameChg chg="modGraphic">
          <ac:chgData name="Emelie Westall Lundqvist" userId="S::s221956@dtu.dk::3a6c0c6b-4056-4919-93f8-4a249b28df98" providerId="AD" clId="Web-{5D2790F1-041C-E16D-53A4-AE353E39A63F}" dt="2022-12-17T15:09:27.511" v="407"/>
          <ac:graphicFrameMkLst>
            <pc:docMk/>
            <pc:sldMk cId="2063457614" sldId="309"/>
            <ac:graphicFrameMk id="5" creationId="{69F306ED-D4ED-5642-D2FD-6534FCE7FB53}"/>
          </ac:graphicFrameMkLst>
        </pc:graphicFrameChg>
      </pc:sldChg>
      <pc:sldChg chg="del">
        <pc:chgData name="Emelie Westall Lundqvist" userId="S::s221956@dtu.dk::3a6c0c6b-4056-4919-93f8-4a249b28df98" providerId="AD" clId="Web-{5D2790F1-041C-E16D-53A4-AE353E39A63F}" dt="2022-12-17T14:54:35.412" v="12"/>
        <pc:sldMkLst>
          <pc:docMk/>
          <pc:sldMk cId="2153229771" sldId="309"/>
        </pc:sldMkLst>
      </pc:sldChg>
      <pc:sldChg chg="addSp delSp modSp ord">
        <pc:chgData name="Emelie Westall Lundqvist" userId="S::s221956@dtu.dk::3a6c0c6b-4056-4919-93f8-4a249b28df98" providerId="AD" clId="Web-{5D2790F1-041C-E16D-53A4-AE353E39A63F}" dt="2022-12-17T16:06:03.411" v="1655" actId="20577"/>
        <pc:sldMkLst>
          <pc:docMk/>
          <pc:sldMk cId="4264824158" sldId="310"/>
        </pc:sldMkLst>
        <pc:spChg chg="mod">
          <ac:chgData name="Emelie Westall Lundqvist" userId="S::s221956@dtu.dk::3a6c0c6b-4056-4919-93f8-4a249b28df98" providerId="AD" clId="Web-{5D2790F1-041C-E16D-53A4-AE353E39A63F}" dt="2022-12-17T16:04:52.488" v="1641" actId="20577"/>
          <ac:spMkLst>
            <pc:docMk/>
            <pc:sldMk cId="4264824158" sldId="310"/>
            <ac:spMk id="9" creationId="{C424A878-EF61-94A3-F20A-CEB7BDA2E6C6}"/>
          </ac:spMkLst>
        </pc:spChg>
        <pc:spChg chg="add del mod">
          <ac:chgData name="Emelie Westall Lundqvist" userId="S::s221956@dtu.dk::3a6c0c6b-4056-4919-93f8-4a249b28df98" providerId="AD" clId="Web-{5D2790F1-041C-E16D-53A4-AE353E39A63F}" dt="2022-12-17T16:01:56.047" v="1527"/>
          <ac:spMkLst>
            <pc:docMk/>
            <pc:sldMk cId="4264824158" sldId="310"/>
            <ac:spMk id="10" creationId="{0223D27D-4946-7766-89EE-E3149AEC5246}"/>
          </ac:spMkLst>
        </pc:spChg>
        <pc:spChg chg="mod">
          <ac:chgData name="Emelie Westall Lundqvist" userId="S::s221956@dtu.dk::3a6c0c6b-4056-4919-93f8-4a249b28df98" providerId="AD" clId="Web-{5D2790F1-041C-E16D-53A4-AE353E39A63F}" dt="2022-12-17T16:06:03.411" v="1655" actId="20577"/>
          <ac:spMkLst>
            <pc:docMk/>
            <pc:sldMk cId="4264824158" sldId="310"/>
            <ac:spMk id="12" creationId="{0EB267CE-CF12-47C3-2738-F1994FE3E823}"/>
          </ac:spMkLst>
        </pc:spChg>
        <pc:picChg chg="mod">
          <ac:chgData name="Emelie Westall Lundqvist" userId="S::s221956@dtu.dk::3a6c0c6b-4056-4919-93f8-4a249b28df98" providerId="AD" clId="Web-{5D2790F1-041C-E16D-53A4-AE353E39A63F}" dt="2022-12-17T16:05:22.363" v="1642" actId="1076"/>
          <ac:picMkLst>
            <pc:docMk/>
            <pc:sldMk cId="4264824158" sldId="310"/>
            <ac:picMk id="7" creationId="{05A1AA76-D39B-E44C-9AB4-ACD63A44C9C9}"/>
          </ac:picMkLst>
        </pc:picChg>
      </pc:sldChg>
      <pc:sldChg chg="addSp delSp modSp new del">
        <pc:chgData name="Emelie Westall Lundqvist" userId="S::s221956@dtu.dk::3a6c0c6b-4056-4919-93f8-4a249b28df98" providerId="AD" clId="Web-{5D2790F1-041C-E16D-53A4-AE353E39A63F}" dt="2022-12-17T15:26:45.640" v="985"/>
        <pc:sldMkLst>
          <pc:docMk/>
          <pc:sldMk cId="2498341093" sldId="311"/>
        </pc:sldMkLst>
        <pc:spChg chg="del">
          <ac:chgData name="Emelie Westall Lundqvist" userId="S::s221956@dtu.dk::3a6c0c6b-4056-4919-93f8-4a249b28df98" providerId="AD" clId="Web-{5D2790F1-041C-E16D-53A4-AE353E39A63F}" dt="2022-12-17T15:26:44.218" v="984"/>
          <ac:spMkLst>
            <pc:docMk/>
            <pc:sldMk cId="2498341093" sldId="311"/>
            <ac:spMk id="2" creationId="{4F175466-992F-3711-2717-08761BBB54F7}"/>
          </ac:spMkLst>
        </pc:spChg>
        <pc:spChg chg="del">
          <ac:chgData name="Emelie Westall Lundqvist" userId="S::s221956@dtu.dk::3a6c0c6b-4056-4919-93f8-4a249b28df98" providerId="AD" clId="Web-{5D2790F1-041C-E16D-53A4-AE353E39A63F}" dt="2022-12-17T15:26:40.483" v="983"/>
          <ac:spMkLst>
            <pc:docMk/>
            <pc:sldMk cId="2498341093" sldId="311"/>
            <ac:spMk id="3" creationId="{1C782C03-D3D2-B1C9-F30B-395984EEADC2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5:26:39.655" v="981" actId="1076"/>
          <ac:spMkLst>
            <pc:docMk/>
            <pc:sldMk cId="2498341093" sldId="311"/>
            <ac:spMk id="10" creationId="{12B7D5DF-3D33-E0BA-D082-E85CB322D8D3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5:26:39.671" v="982" actId="1076"/>
          <ac:spMkLst>
            <pc:docMk/>
            <pc:sldMk cId="2498341093" sldId="311"/>
            <ac:spMk id="12" creationId="{7CD9411A-8EE6-292D-CA23-B9F5A45D562A}"/>
          </ac:spMkLst>
        </pc:spChg>
        <pc:picChg chg="add mod">
          <ac:chgData name="Emelie Westall Lundqvist" userId="S::s221956@dtu.dk::3a6c0c6b-4056-4919-93f8-4a249b28df98" providerId="AD" clId="Web-{5D2790F1-041C-E16D-53A4-AE353E39A63F}" dt="2022-12-17T15:26:39.608" v="979" actId="1076"/>
          <ac:picMkLst>
            <pc:docMk/>
            <pc:sldMk cId="2498341093" sldId="311"/>
            <ac:picMk id="6" creationId="{F77A835D-7570-2DC1-5647-A6EDA195F356}"/>
          </ac:picMkLst>
        </pc:picChg>
        <pc:picChg chg="add mod">
          <ac:chgData name="Emelie Westall Lundqvist" userId="S::s221956@dtu.dk::3a6c0c6b-4056-4919-93f8-4a249b28df98" providerId="AD" clId="Web-{5D2790F1-041C-E16D-53A4-AE353E39A63F}" dt="2022-12-17T15:26:39.655" v="980" actId="1076"/>
          <ac:picMkLst>
            <pc:docMk/>
            <pc:sldMk cId="2498341093" sldId="311"/>
            <ac:picMk id="8" creationId="{0D41C333-C2DF-978F-1B73-600FC27190FF}"/>
          </ac:picMkLst>
        </pc:picChg>
      </pc:sldChg>
      <pc:sldChg chg="addSp delSp modSp add replId">
        <pc:chgData name="Emelie Westall Lundqvist" userId="S::s221956@dtu.dk::3a6c0c6b-4056-4919-93f8-4a249b28df98" providerId="AD" clId="Web-{5D2790F1-041C-E16D-53A4-AE353E39A63F}" dt="2022-12-17T15:37:57.624" v="1347" actId="20577"/>
        <pc:sldMkLst>
          <pc:docMk/>
          <pc:sldMk cId="3397448680" sldId="311"/>
        </pc:sldMkLst>
        <pc:spChg chg="mod">
          <ac:chgData name="Emelie Westall Lundqvist" userId="S::s221956@dtu.dk::3a6c0c6b-4056-4919-93f8-4a249b28df98" providerId="AD" clId="Web-{5D2790F1-041C-E16D-53A4-AE353E39A63F}" dt="2022-12-17T15:29:20.299" v="1093" actId="20577"/>
          <ac:spMkLst>
            <pc:docMk/>
            <pc:sldMk cId="3397448680" sldId="311"/>
            <ac:spMk id="2" creationId="{164BAB01-7D3C-93D9-063D-D710160C25EF}"/>
          </ac:spMkLst>
        </pc:spChg>
        <pc:spChg chg="del">
          <ac:chgData name="Emelie Westall Lundqvist" userId="S::s221956@dtu.dk::3a6c0c6b-4056-4919-93f8-4a249b28df98" providerId="AD" clId="Web-{5D2790F1-041C-E16D-53A4-AE353E39A63F}" dt="2022-12-17T15:29:05.939" v="1062"/>
          <ac:spMkLst>
            <pc:docMk/>
            <pc:sldMk cId="3397448680" sldId="311"/>
            <ac:spMk id="3" creationId="{B7587477-D732-0A58-FE6C-7FD90FCA4693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5:35:03.495" v="1337" actId="1076"/>
          <ac:spMkLst>
            <pc:docMk/>
            <pc:sldMk cId="3397448680" sldId="311"/>
            <ac:spMk id="5" creationId="{1436B352-7EE4-C8AE-1AB2-69755390FE3D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5:37:57.624" v="1347" actId="20577"/>
          <ac:spMkLst>
            <pc:docMk/>
            <pc:sldMk cId="3397448680" sldId="311"/>
            <ac:spMk id="7" creationId="{D3A9178B-A213-D82B-511B-04281050064D}"/>
          </ac:spMkLst>
        </pc:spChg>
        <pc:spChg chg="mod">
          <ac:chgData name="Emelie Westall Lundqvist" userId="S::s221956@dtu.dk::3a6c0c6b-4056-4919-93f8-4a249b28df98" providerId="AD" clId="Web-{5D2790F1-041C-E16D-53A4-AE353E39A63F}" dt="2022-12-17T15:37:46.014" v="1345" actId="20577"/>
          <ac:spMkLst>
            <pc:docMk/>
            <pc:sldMk cId="3397448680" sldId="311"/>
            <ac:spMk id="9" creationId="{0B533101-FF4D-0161-D85F-1C1067C1B7A9}"/>
          </ac:spMkLst>
        </pc:spChg>
        <pc:spChg chg="del">
          <ac:chgData name="Emelie Westall Lundqvist" userId="S::s221956@dtu.dk::3a6c0c6b-4056-4919-93f8-4a249b28df98" providerId="AD" clId="Web-{5D2790F1-041C-E16D-53A4-AE353E39A63F}" dt="2022-12-17T15:29:05.939" v="1065"/>
          <ac:spMkLst>
            <pc:docMk/>
            <pc:sldMk cId="3397448680" sldId="311"/>
            <ac:spMk id="10" creationId="{A956CD34-1011-11E1-F56D-113A45BBF2E3}"/>
          </ac:spMkLst>
        </pc:spChg>
        <pc:spChg chg="del">
          <ac:chgData name="Emelie Westall Lundqvist" userId="S::s221956@dtu.dk::3a6c0c6b-4056-4919-93f8-4a249b28df98" providerId="AD" clId="Web-{5D2790F1-041C-E16D-53A4-AE353E39A63F}" dt="2022-12-17T15:29:05.939" v="1063"/>
          <ac:spMkLst>
            <pc:docMk/>
            <pc:sldMk cId="3397448680" sldId="311"/>
            <ac:spMk id="13" creationId="{5075C9F8-F90E-501A-6E9F-347CBF079311}"/>
          </ac:spMkLst>
        </pc:spChg>
        <pc:spChg chg="del mod">
          <ac:chgData name="Emelie Westall Lundqvist" userId="S::s221956@dtu.dk::3a6c0c6b-4056-4919-93f8-4a249b28df98" providerId="AD" clId="Web-{5D2790F1-041C-E16D-53A4-AE353E39A63F}" dt="2022-12-17T15:34:58.682" v="1336"/>
          <ac:spMkLst>
            <pc:docMk/>
            <pc:sldMk cId="3397448680" sldId="311"/>
            <ac:spMk id="14" creationId="{E8583EB1-B63A-1A04-BA7B-FFF42AC0643A}"/>
          </ac:spMkLst>
        </pc:spChg>
        <pc:spChg chg="add mod">
          <ac:chgData name="Emelie Westall Lundqvist" userId="S::s221956@dtu.dk::3a6c0c6b-4056-4919-93f8-4a249b28df98" providerId="AD" clId="Web-{5D2790F1-041C-E16D-53A4-AE353E39A63F}" dt="2022-12-17T15:35:57.012" v="1343" actId="20577"/>
          <ac:spMkLst>
            <pc:docMk/>
            <pc:sldMk cId="3397448680" sldId="311"/>
            <ac:spMk id="15" creationId="{8B00E5D9-6411-E72C-1DFE-9D3DF61281FF}"/>
          </ac:spMkLst>
        </pc:spChg>
        <pc:picChg chg="mod">
          <ac:chgData name="Emelie Westall Lundqvist" userId="S::s221956@dtu.dk::3a6c0c6b-4056-4919-93f8-4a249b28df98" providerId="AD" clId="Web-{5D2790F1-041C-E16D-53A4-AE353E39A63F}" dt="2022-12-17T15:29:32.564" v="1097" actId="1076"/>
          <ac:picMkLst>
            <pc:docMk/>
            <pc:sldMk cId="3397448680" sldId="311"/>
            <ac:picMk id="6" creationId="{772E4D77-DC24-7786-1EAE-5A4359B09105}"/>
          </ac:picMkLst>
        </pc:picChg>
        <pc:picChg chg="mod">
          <ac:chgData name="Emelie Westall Lundqvist" userId="S::s221956@dtu.dk::3a6c0c6b-4056-4919-93f8-4a249b28df98" providerId="AD" clId="Web-{5D2790F1-041C-E16D-53A4-AE353E39A63F}" dt="2022-12-17T15:29:35.877" v="1098" actId="14100"/>
          <ac:picMkLst>
            <pc:docMk/>
            <pc:sldMk cId="3397448680" sldId="311"/>
            <ac:picMk id="8" creationId="{2AA68238-7763-497B-D148-7B969C80ED1B}"/>
          </ac:picMkLst>
        </pc:picChg>
        <pc:picChg chg="del">
          <ac:chgData name="Emelie Westall Lundqvist" userId="S::s221956@dtu.dk::3a6c0c6b-4056-4919-93f8-4a249b28df98" providerId="AD" clId="Web-{5D2790F1-041C-E16D-53A4-AE353E39A63F}" dt="2022-12-17T15:29:05.939" v="1064"/>
          <ac:picMkLst>
            <pc:docMk/>
            <pc:sldMk cId="3397448680" sldId="311"/>
            <ac:picMk id="12" creationId="{84DC5A15-6DEE-5F7C-0FA4-0E3397DE9209}"/>
          </ac:picMkLst>
        </pc:picChg>
        <pc:cxnChg chg="add del">
          <ac:chgData name="Emelie Westall Lundqvist" userId="S::s221956@dtu.dk::3a6c0c6b-4056-4919-93f8-4a249b28df98" providerId="AD" clId="Web-{5D2790F1-041C-E16D-53A4-AE353E39A63F}" dt="2022-12-17T15:34:12.994" v="1324"/>
          <ac:cxnSpMkLst>
            <pc:docMk/>
            <pc:sldMk cId="3397448680" sldId="311"/>
            <ac:cxnSpMk id="16" creationId="{8924ED7D-D68D-84B5-D813-2195B1B8AA48}"/>
          </ac:cxnSpMkLst>
        </pc:cxnChg>
        <pc:cxnChg chg="add mod">
          <ac:chgData name="Emelie Westall Lundqvist" userId="S::s221956@dtu.dk::3a6c0c6b-4056-4919-93f8-4a249b28df98" providerId="AD" clId="Web-{5D2790F1-041C-E16D-53A4-AE353E39A63F}" dt="2022-12-17T15:35:22.902" v="1341" actId="14100"/>
          <ac:cxnSpMkLst>
            <pc:docMk/>
            <pc:sldMk cId="3397448680" sldId="311"/>
            <ac:cxnSpMk id="17" creationId="{48881963-4141-6D93-F877-0FE5CBA9FA1C}"/>
          </ac:cxnSpMkLst>
        </pc:cxnChg>
      </pc:sldChg>
    </pc:docChg>
  </pc:docChgLst>
  <pc:docChgLst>
    <pc:chgData name="Emelie Westall Lundqvist" userId="S::s221956@dtu.dk::3a6c0c6b-4056-4919-93f8-4a249b28df98" providerId="AD" clId="Web-{8BEDFB82-676D-9298-9D68-D20D7F5B8BDE}"/>
    <pc:docChg chg="addSld delSld modSld sldOrd">
      <pc:chgData name="Emelie Westall Lundqvist" userId="S::s221956@dtu.dk::3a6c0c6b-4056-4919-93f8-4a249b28df98" providerId="AD" clId="Web-{8BEDFB82-676D-9298-9D68-D20D7F5B8BDE}" dt="2022-12-16T15:44:50.269" v="1860" actId="20577"/>
      <pc:docMkLst>
        <pc:docMk/>
      </pc:docMkLst>
      <pc:sldChg chg="addSp delSp modSp">
        <pc:chgData name="Emelie Westall Lundqvist" userId="S::s221956@dtu.dk::3a6c0c6b-4056-4919-93f8-4a249b28df98" providerId="AD" clId="Web-{8BEDFB82-676D-9298-9D68-D20D7F5B8BDE}" dt="2022-12-16T15:34:35.127" v="1449" actId="1076"/>
        <pc:sldMkLst>
          <pc:docMk/>
          <pc:sldMk cId="3949890615" sldId="290"/>
        </pc:sldMkLst>
        <pc:spChg chg="mod">
          <ac:chgData name="Emelie Westall Lundqvist" userId="S::s221956@dtu.dk::3a6c0c6b-4056-4919-93f8-4a249b28df98" providerId="AD" clId="Web-{8BEDFB82-676D-9298-9D68-D20D7F5B8BDE}" dt="2022-12-16T14:43:50.678" v="279" actId="20577"/>
          <ac:spMkLst>
            <pc:docMk/>
            <pc:sldMk cId="3949890615" sldId="290"/>
            <ac:spMk id="2" creationId="{164BAB01-7D3C-93D9-063D-D710160C25EF}"/>
          </ac:spMkLst>
        </pc:spChg>
        <pc:spChg chg="mod">
          <ac:chgData name="Emelie Westall Lundqvist" userId="S::s221956@dtu.dk::3a6c0c6b-4056-4919-93f8-4a249b28df98" providerId="AD" clId="Web-{8BEDFB82-676D-9298-9D68-D20D7F5B8BDE}" dt="2022-12-16T15:34:28.096" v="1445" actId="1076"/>
          <ac:spMkLst>
            <pc:docMk/>
            <pc:sldMk cId="3949890615" sldId="290"/>
            <ac:spMk id="6" creationId="{6D600F5E-D77C-FE72-AA2D-7B319DB970E2}"/>
          </ac:spMkLst>
        </pc:spChg>
        <pc:spChg chg="del">
          <ac:chgData name="Emelie Westall Lundqvist" userId="S::s221956@dtu.dk::3a6c0c6b-4056-4919-93f8-4a249b28df98" providerId="AD" clId="Web-{8BEDFB82-676D-9298-9D68-D20D7F5B8BDE}" dt="2022-12-16T15:25:45.960" v="1393"/>
          <ac:spMkLst>
            <pc:docMk/>
            <pc:sldMk cId="3949890615" sldId="290"/>
            <ac:spMk id="8" creationId="{00CABE77-EE55-42C1-618A-2DE046F5486D}"/>
          </ac:spMkLst>
        </pc:spChg>
        <pc:spChg chg="del">
          <ac:chgData name="Emelie Westall Lundqvist" userId="S::s221956@dtu.dk::3a6c0c6b-4056-4919-93f8-4a249b28df98" providerId="AD" clId="Web-{8BEDFB82-676D-9298-9D68-D20D7F5B8BDE}" dt="2022-12-16T15:25:52.100" v="1397"/>
          <ac:spMkLst>
            <pc:docMk/>
            <pc:sldMk cId="3949890615" sldId="290"/>
            <ac:spMk id="10" creationId="{557224BB-207D-A9DF-54E9-06F7B580B4C9}"/>
          </ac:spMkLst>
        </pc:spChg>
        <pc:spChg chg="add ord">
          <ac:chgData name="Emelie Westall Lundqvist" userId="S::s221956@dtu.dk::3a6c0c6b-4056-4919-93f8-4a249b28df98" providerId="AD" clId="Web-{8BEDFB82-676D-9298-9D68-D20D7F5B8BDE}" dt="2022-12-16T14:41:29.140" v="270"/>
          <ac:spMkLst>
            <pc:docMk/>
            <pc:sldMk cId="3949890615" sldId="290"/>
            <ac:spMk id="11" creationId="{76192E61-EB64-9A98-C3D7-AE17167B7604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5:34:35.127" v="1449" actId="1076"/>
          <ac:spMkLst>
            <pc:docMk/>
            <pc:sldMk cId="3949890615" sldId="290"/>
            <ac:spMk id="12" creationId="{AB535B17-68B2-F3C4-DED2-D0EB02876E66}"/>
          </ac:spMkLst>
        </pc:spChg>
        <pc:graphicFrameChg chg="mod">
          <ac:chgData name="Emelie Westall Lundqvist" userId="S::s221956@dtu.dk::3a6c0c6b-4056-4919-93f8-4a249b28df98" providerId="AD" clId="Web-{8BEDFB82-676D-9298-9D68-D20D7F5B8BDE}" dt="2022-12-16T15:34:32.284" v="1448" actId="1076"/>
          <ac:graphicFrameMkLst>
            <pc:docMk/>
            <pc:sldMk cId="3949890615" sldId="290"/>
            <ac:graphicFrameMk id="7" creationId="{D046D3B9-1925-626A-4775-A635D63437F8}"/>
          </ac:graphicFrameMkLst>
        </pc:graphicFrameChg>
        <pc:graphicFrameChg chg="del mod modGraphic">
          <ac:chgData name="Emelie Westall Lundqvist" userId="S::s221956@dtu.dk::3a6c0c6b-4056-4919-93f8-4a249b28df98" providerId="AD" clId="Web-{8BEDFB82-676D-9298-9D68-D20D7F5B8BDE}" dt="2022-12-16T15:25:50.710" v="1396"/>
          <ac:graphicFrameMkLst>
            <pc:docMk/>
            <pc:sldMk cId="3949890615" sldId="290"/>
            <ac:graphicFrameMk id="9" creationId="{F73B73AD-CC82-156F-BCAE-4813A2DA4111}"/>
          </ac:graphicFrameMkLst>
        </pc:graphicFrameChg>
        <pc:picChg chg="mod">
          <ac:chgData name="Emelie Westall Lundqvist" userId="S::s221956@dtu.dk::3a6c0c6b-4056-4919-93f8-4a249b28df98" providerId="AD" clId="Web-{8BEDFB82-676D-9298-9D68-D20D7F5B8BDE}" dt="2022-12-16T15:34:28.080" v="1444" actId="1076"/>
          <ac:picMkLst>
            <pc:docMk/>
            <pc:sldMk cId="3949890615" sldId="290"/>
            <ac:picMk id="5" creationId="{7DDEFCA3-DCB2-7506-BEA6-41E16A3111AB}"/>
          </ac:picMkLst>
        </pc:picChg>
      </pc:sldChg>
      <pc:sldChg chg="delSp modSp add">
        <pc:chgData name="Emelie Westall Lundqvist" userId="S::s221956@dtu.dk::3a6c0c6b-4056-4919-93f8-4a249b28df98" providerId="AD" clId="Web-{8BEDFB82-676D-9298-9D68-D20D7F5B8BDE}" dt="2022-12-16T14:38:36.240" v="268"/>
        <pc:sldMkLst>
          <pc:docMk/>
          <pc:sldMk cId="2950204296" sldId="291"/>
        </pc:sldMkLst>
        <pc:spChg chg="mod">
          <ac:chgData name="Emelie Westall Lundqvist" userId="S::s221956@dtu.dk::3a6c0c6b-4056-4919-93f8-4a249b28df98" providerId="AD" clId="Web-{8BEDFB82-676D-9298-9D68-D20D7F5B8BDE}" dt="2022-12-16T14:38:30.615" v="264" actId="20577"/>
          <ac:spMkLst>
            <pc:docMk/>
            <pc:sldMk cId="2950204296" sldId="291"/>
            <ac:spMk id="3" creationId="{89E26569-BA16-7E1E-ACF2-21DBA23C3713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38:36.240" v="268"/>
          <ac:spMkLst>
            <pc:docMk/>
            <pc:sldMk cId="2950204296" sldId="291"/>
            <ac:spMk id="14" creationId="{1737F13D-0CBA-A0C0-31D6-1A9B989880B4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38:33.428" v="266"/>
          <ac:spMkLst>
            <pc:docMk/>
            <pc:sldMk cId="2950204296" sldId="291"/>
            <ac:spMk id="24" creationId="{D9246612-B4AD-7A78-0FFB-DCDFDC32932D}"/>
          </ac:spMkLst>
        </pc:spChg>
        <pc:picChg chg="del">
          <ac:chgData name="Emelie Westall Lundqvist" userId="S::s221956@dtu.dk::3a6c0c6b-4056-4919-93f8-4a249b28df98" providerId="AD" clId="Web-{8BEDFB82-676D-9298-9D68-D20D7F5B8BDE}" dt="2022-12-16T14:38:35.444" v="267"/>
          <ac:picMkLst>
            <pc:docMk/>
            <pc:sldMk cId="2950204296" sldId="291"/>
            <ac:picMk id="16" creationId="{BE9025E5-F2D6-B905-B30D-9E10BDAD3A39}"/>
          </ac:picMkLst>
        </pc:picChg>
        <pc:picChg chg="del">
          <ac:chgData name="Emelie Westall Lundqvist" userId="S::s221956@dtu.dk::3a6c0c6b-4056-4919-93f8-4a249b28df98" providerId="AD" clId="Web-{8BEDFB82-676D-9298-9D68-D20D7F5B8BDE}" dt="2022-12-16T14:38:32.053" v="265"/>
          <ac:picMkLst>
            <pc:docMk/>
            <pc:sldMk cId="2950204296" sldId="291"/>
            <ac:picMk id="18" creationId="{D8011D27-5D90-2AED-0631-EAEC0E1369AE}"/>
          </ac:picMkLst>
        </pc:picChg>
      </pc:sldChg>
      <pc:sldChg chg="modSp add ord">
        <pc:chgData name="Emelie Westall Lundqvist" userId="S::s221956@dtu.dk::3a6c0c6b-4056-4919-93f8-4a249b28df98" providerId="AD" clId="Web-{8BEDFB82-676D-9298-9D68-D20D7F5B8BDE}" dt="2022-12-16T14:50:43.652" v="404" actId="20577"/>
        <pc:sldMkLst>
          <pc:docMk/>
          <pc:sldMk cId="3213211447" sldId="292"/>
        </pc:sldMkLst>
        <pc:spChg chg="mod">
          <ac:chgData name="Emelie Westall Lundqvist" userId="S::s221956@dtu.dk::3a6c0c6b-4056-4919-93f8-4a249b28df98" providerId="AD" clId="Web-{8BEDFB82-676D-9298-9D68-D20D7F5B8BDE}" dt="2022-12-16T14:48:05.847" v="320" actId="20577"/>
          <ac:spMkLst>
            <pc:docMk/>
            <pc:sldMk cId="3213211447" sldId="292"/>
            <ac:spMk id="3" creationId="{89E26569-BA16-7E1E-ACF2-21DBA23C3713}"/>
          </ac:spMkLst>
        </pc:spChg>
        <pc:spChg chg="mod">
          <ac:chgData name="Emelie Westall Lundqvist" userId="S::s221956@dtu.dk::3a6c0c6b-4056-4919-93f8-4a249b28df98" providerId="AD" clId="Web-{8BEDFB82-676D-9298-9D68-D20D7F5B8BDE}" dt="2022-12-16T14:50:43.652" v="404" actId="20577"/>
          <ac:spMkLst>
            <pc:docMk/>
            <pc:sldMk cId="3213211447" sldId="292"/>
            <ac:spMk id="5" creationId="{144ED827-ACA1-5E06-7C3D-51B166105391}"/>
          </ac:spMkLst>
        </pc:spChg>
      </pc:sldChg>
      <pc:sldChg chg="addSp delSp modSp new del">
        <pc:chgData name="Emelie Westall Lundqvist" userId="S::s221956@dtu.dk::3a6c0c6b-4056-4919-93f8-4a249b28df98" providerId="AD" clId="Web-{8BEDFB82-676D-9298-9D68-D20D7F5B8BDE}" dt="2022-12-16T14:46:52.812" v="310"/>
        <pc:sldMkLst>
          <pc:docMk/>
          <pc:sldMk cId="2478570180" sldId="293"/>
        </pc:sldMkLst>
        <pc:spChg chg="del">
          <ac:chgData name="Emelie Westall Lundqvist" userId="S::s221956@dtu.dk::3a6c0c6b-4056-4919-93f8-4a249b28df98" providerId="AD" clId="Web-{8BEDFB82-676D-9298-9D68-D20D7F5B8BDE}" dt="2022-12-16T14:45:22.995" v="281"/>
          <ac:spMkLst>
            <pc:docMk/>
            <pc:sldMk cId="2478570180" sldId="293"/>
            <ac:spMk id="3" creationId="{2C61A6C6-AE7B-2F09-7644-77F37CF4BCD6}"/>
          </ac:spMkLst>
        </pc:spChg>
        <pc:picChg chg="add mod ord">
          <ac:chgData name="Emelie Westall Lundqvist" userId="S::s221956@dtu.dk::3a6c0c6b-4056-4919-93f8-4a249b28df98" providerId="AD" clId="Web-{8BEDFB82-676D-9298-9D68-D20D7F5B8BDE}" dt="2022-12-16T14:46:50.296" v="308" actId="1076"/>
          <ac:picMkLst>
            <pc:docMk/>
            <pc:sldMk cId="2478570180" sldId="293"/>
            <ac:picMk id="5" creationId="{02160B59-2048-6CB5-B256-2536E07D9373}"/>
          </ac:picMkLst>
        </pc:picChg>
      </pc:sldChg>
      <pc:sldChg chg="addSp delSp modSp add replId">
        <pc:chgData name="Emelie Westall Lundqvist" userId="S::s221956@dtu.dk::3a6c0c6b-4056-4919-93f8-4a249b28df98" providerId="AD" clId="Web-{8BEDFB82-676D-9298-9D68-D20D7F5B8BDE}" dt="2022-12-16T15:29:31.096" v="1407" actId="1076"/>
        <pc:sldMkLst>
          <pc:docMk/>
          <pc:sldMk cId="24647807" sldId="294"/>
        </pc:sldMkLst>
        <pc:spChg chg="del mod">
          <ac:chgData name="Emelie Westall Lundqvist" userId="S::s221956@dtu.dk::3a6c0c6b-4056-4919-93f8-4a249b28df98" providerId="AD" clId="Web-{8BEDFB82-676D-9298-9D68-D20D7F5B8BDE}" dt="2022-12-16T14:47:00.469" v="314"/>
          <ac:spMkLst>
            <pc:docMk/>
            <pc:sldMk cId="24647807" sldId="294"/>
            <ac:spMk id="3" creationId="{89E26569-BA16-7E1E-ACF2-21DBA23C3713}"/>
          </ac:spMkLst>
        </pc:spChg>
        <pc:spChg chg="mod">
          <ac:chgData name="Emelie Westall Lundqvist" userId="S::s221956@dtu.dk::3a6c0c6b-4056-4919-93f8-4a249b28df98" providerId="AD" clId="Web-{8BEDFB82-676D-9298-9D68-D20D7F5B8BDE}" dt="2022-12-16T15:29:25.314" v="1406" actId="1076"/>
          <ac:spMkLst>
            <pc:docMk/>
            <pc:sldMk cId="24647807" sldId="294"/>
            <ac:spMk id="5" creationId="{2F216128-3307-50B1-1D75-193E9EA2C83D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1:16.981" v="412"/>
          <ac:spMkLst>
            <pc:docMk/>
            <pc:sldMk cId="24647807" sldId="294"/>
            <ac:spMk id="8" creationId="{BA9F1084-CCD0-9348-7B66-3B4F08B753E4}"/>
          </ac:spMkLst>
        </pc:spChg>
        <pc:spChg chg="mod">
          <ac:chgData name="Emelie Westall Lundqvist" userId="S::s221956@dtu.dk::3a6c0c6b-4056-4919-93f8-4a249b28df98" providerId="AD" clId="Web-{8BEDFB82-676D-9298-9D68-D20D7F5B8BDE}" dt="2022-12-16T14:46:33.733" v="307" actId="14100"/>
          <ac:spMkLst>
            <pc:docMk/>
            <pc:sldMk cId="24647807" sldId="294"/>
            <ac:spMk id="9" creationId="{6D7B45B7-3FFF-6874-0FED-88BB7D81D986}"/>
          </ac:spMkLst>
        </pc:spChg>
        <pc:spChg chg="mod">
          <ac:chgData name="Emelie Westall Lundqvist" userId="S::s221956@dtu.dk::3a6c0c6b-4056-4919-93f8-4a249b28df98" providerId="AD" clId="Web-{8BEDFB82-676D-9298-9D68-D20D7F5B8BDE}" dt="2022-12-16T15:29:31.096" v="1407" actId="1076"/>
          <ac:spMkLst>
            <pc:docMk/>
            <pc:sldMk cId="24647807" sldId="294"/>
            <ac:spMk id="10" creationId="{96590885-4586-509B-F45C-CA6792C87267}"/>
          </ac:spMkLst>
        </pc:spChg>
        <pc:picChg chg="mod">
          <ac:chgData name="Emelie Westall Lundqvist" userId="S::s221956@dtu.dk::3a6c0c6b-4056-4919-93f8-4a249b28df98" providerId="AD" clId="Web-{8BEDFB82-676D-9298-9D68-D20D7F5B8BDE}" dt="2022-12-16T15:29:25.299" v="1405" actId="1076"/>
          <ac:picMkLst>
            <pc:docMk/>
            <pc:sldMk cId="24647807" sldId="294"/>
            <ac:picMk id="2" creationId="{4CE3D8B2-FF60-BBA5-51CE-681BD5BB17CB}"/>
          </ac:picMkLst>
        </pc:picChg>
        <pc:picChg chg="add del mod">
          <ac:chgData name="Emelie Westall Lundqvist" userId="S::s221956@dtu.dk::3a6c0c6b-4056-4919-93f8-4a249b28df98" providerId="AD" clId="Web-{8BEDFB82-676D-9298-9D68-D20D7F5B8BDE}" dt="2022-12-16T14:51:18.419" v="413"/>
          <ac:picMkLst>
            <pc:docMk/>
            <pc:sldMk cId="24647807" sldId="294"/>
            <ac:picMk id="7" creationId="{CF6DD253-4BBB-630C-6997-A797ED2E0A89}"/>
          </ac:picMkLst>
        </pc:picChg>
      </pc:sldChg>
      <pc:sldChg chg="addSp delSp modSp add del replId">
        <pc:chgData name="Emelie Westall Lundqvist" userId="S::s221956@dtu.dk::3a6c0c6b-4056-4919-93f8-4a249b28df98" providerId="AD" clId="Web-{8BEDFB82-676D-9298-9D68-D20D7F5B8BDE}" dt="2022-12-16T14:52:06.531" v="471"/>
        <pc:sldMkLst>
          <pc:docMk/>
          <pc:sldMk cId="1414338346" sldId="295"/>
        </pc:sldMkLst>
        <pc:spChg chg="del mod">
          <ac:chgData name="Emelie Westall Lundqvist" userId="S::s221956@dtu.dk::3a6c0c6b-4056-4919-93f8-4a249b28df98" providerId="AD" clId="Web-{8BEDFB82-676D-9298-9D68-D20D7F5B8BDE}" dt="2022-12-16T14:51:04.387" v="410"/>
          <ac:spMkLst>
            <pc:docMk/>
            <pc:sldMk cId="1414338346" sldId="295"/>
            <ac:spMk id="3" creationId="{89E26569-BA16-7E1E-ACF2-21DBA23C3713}"/>
          </ac:spMkLst>
        </pc:spChg>
        <pc:spChg chg="del mod">
          <ac:chgData name="Emelie Westall Lundqvist" userId="S::s221956@dtu.dk::3a6c0c6b-4056-4919-93f8-4a249b28df98" providerId="AD" clId="Web-{8BEDFB82-676D-9298-9D68-D20D7F5B8BDE}" dt="2022-12-16T14:51:02.090" v="409"/>
          <ac:spMkLst>
            <pc:docMk/>
            <pc:sldMk cId="1414338346" sldId="295"/>
            <ac:spMk id="5" creationId="{144ED827-ACA1-5E06-7C3D-51B166105391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4:51:04.387" v="410"/>
          <ac:spMkLst>
            <pc:docMk/>
            <pc:sldMk cId="1414338346" sldId="295"/>
            <ac:spMk id="8" creationId="{2AF43A77-0FE3-255F-8A74-4FB251F2250C}"/>
          </ac:spMkLst>
        </pc:spChg>
        <pc:spChg chg="mod">
          <ac:chgData name="Emelie Westall Lundqvist" userId="S::s221956@dtu.dk::3a6c0c6b-4056-4919-93f8-4a249b28df98" providerId="AD" clId="Web-{8BEDFB82-676D-9298-9D68-D20D7F5B8BDE}" dt="2022-12-16T14:51:28.357" v="426" actId="20577"/>
          <ac:spMkLst>
            <pc:docMk/>
            <pc:sldMk cId="1414338346" sldId="295"/>
            <ac:spMk id="9" creationId="{6D7B45B7-3FFF-6874-0FED-88BB7D81D986}"/>
          </ac:spMkLst>
        </pc:spChg>
        <pc:picChg chg="del">
          <ac:chgData name="Emelie Westall Lundqvist" userId="S::s221956@dtu.dk::3a6c0c6b-4056-4919-93f8-4a249b28df98" providerId="AD" clId="Web-{8BEDFB82-676D-9298-9D68-D20D7F5B8BDE}" dt="2022-12-16T14:51:05.153" v="411"/>
          <ac:picMkLst>
            <pc:docMk/>
            <pc:sldMk cId="1414338346" sldId="295"/>
            <ac:picMk id="2" creationId="{A1FBDAE1-64E4-27EA-FCD6-3E1B2B23BE10}"/>
          </ac:picMkLst>
        </pc:picChg>
      </pc:sldChg>
      <pc:sldChg chg="addSp delSp modSp add">
        <pc:chgData name="Emelie Westall Lundqvist" userId="S::s221956@dtu.dk::3a6c0c6b-4056-4919-93f8-4a249b28df98" providerId="AD" clId="Web-{8BEDFB82-676D-9298-9D68-D20D7F5B8BDE}" dt="2022-12-16T14:54:36.570" v="519" actId="1076"/>
        <pc:sldMkLst>
          <pc:docMk/>
          <pc:sldMk cId="3754493735" sldId="296"/>
        </pc:sldMkLst>
        <pc:spChg chg="del mod">
          <ac:chgData name="Emelie Westall Lundqvist" userId="S::s221956@dtu.dk::3a6c0c6b-4056-4919-93f8-4a249b28df98" providerId="AD" clId="Web-{8BEDFB82-676D-9298-9D68-D20D7F5B8BDE}" dt="2022-12-16T14:52:22.266" v="485"/>
          <ac:spMkLst>
            <pc:docMk/>
            <pc:sldMk cId="3754493735" sldId="296"/>
            <ac:spMk id="3" creationId="{030918C6-C726-46DA-5B7D-A132FF9130C5}"/>
          </ac:spMkLst>
        </pc:spChg>
        <pc:spChg chg="del mod">
          <ac:chgData name="Emelie Westall Lundqvist" userId="S::s221956@dtu.dk::3a6c0c6b-4056-4919-93f8-4a249b28df98" providerId="AD" clId="Web-{8BEDFB82-676D-9298-9D68-D20D7F5B8BDE}" dt="2022-12-16T14:52:27.251" v="489"/>
          <ac:spMkLst>
            <pc:docMk/>
            <pc:sldMk cId="3754493735" sldId="296"/>
            <ac:spMk id="5" creationId="{FC0D1D2C-865B-DF87-FC53-81E25FA6BF3C}"/>
          </ac:spMkLst>
        </pc:spChg>
        <pc:spChg chg="mod">
          <ac:chgData name="Emelie Westall Lundqvist" userId="S::s221956@dtu.dk::3a6c0c6b-4056-4919-93f8-4a249b28df98" providerId="AD" clId="Web-{8BEDFB82-676D-9298-9D68-D20D7F5B8BDE}" dt="2022-12-16T14:54:17.569" v="516" actId="20577"/>
          <ac:spMkLst>
            <pc:docMk/>
            <pc:sldMk cId="3754493735" sldId="296"/>
            <ac:spMk id="7" creationId="{0236EE1E-3E88-8E11-F892-74376DB8C175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2:19.125" v="482"/>
          <ac:spMkLst>
            <pc:docMk/>
            <pc:sldMk cId="3754493735" sldId="296"/>
            <ac:spMk id="10" creationId="{796D15E2-A1FE-5932-80E9-4A9E14AC1099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4:54:27.975" v="517" actId="1076"/>
          <ac:spMkLst>
            <pc:docMk/>
            <pc:sldMk cId="3754493735" sldId="296"/>
            <ac:spMk id="11" creationId="{569FD0B1-62AF-71C8-4E33-DB77C9E8CDAF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2:24.172" v="486"/>
          <ac:spMkLst>
            <pc:docMk/>
            <pc:sldMk cId="3754493735" sldId="296"/>
            <ac:spMk id="12" creationId="{95A14ED7-25B8-2244-7CAD-B492B5A5DAEA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4:53:38.676" v="497" actId="14100"/>
          <ac:spMkLst>
            <pc:docMk/>
            <pc:sldMk cId="3754493735" sldId="296"/>
            <ac:spMk id="17" creationId="{57048B52-5A61-F2A2-DD75-6DC6B089D641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2:10.812" v="479"/>
          <ac:spMkLst>
            <pc:docMk/>
            <pc:sldMk cId="3754493735" sldId="296"/>
            <ac:spMk id="20" creationId="{B0839F89-76E6-1714-7CC7-142BED91181A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2:50.627" v="492"/>
          <ac:spMkLst>
            <pc:docMk/>
            <pc:sldMk cId="3754493735" sldId="296"/>
            <ac:spMk id="23" creationId="{7DD12AB1-F7B2-A261-FFDC-ED0AEEF8E248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2:10.062" v="472"/>
          <ac:spMkLst>
            <pc:docMk/>
            <pc:sldMk cId="3754493735" sldId="296"/>
            <ac:spMk id="25" creationId="{02FB8A4E-DDEB-B834-7B69-813898699B7B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2:10.062" v="474"/>
          <ac:spMkLst>
            <pc:docMk/>
            <pc:sldMk cId="3754493735" sldId="296"/>
            <ac:spMk id="34" creationId="{D5958F59-5CB7-E73E-E2D8-E4BF905CBD42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2:10.062" v="478"/>
          <ac:spMkLst>
            <pc:docMk/>
            <pc:sldMk cId="3754493735" sldId="296"/>
            <ac:spMk id="35" creationId="{49C7E9F5-D3BE-C1EF-36D8-861EF8417E75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2:10.062" v="473"/>
          <ac:spMkLst>
            <pc:docMk/>
            <pc:sldMk cId="3754493735" sldId="296"/>
            <ac:spMk id="37" creationId="{B952EA91-3F20-F7A0-E097-599BC692F749}"/>
          </ac:spMkLst>
        </pc:spChg>
        <pc:spChg chg="mod">
          <ac:chgData name="Emelie Westall Lundqvist" userId="S::s221956@dtu.dk::3a6c0c6b-4056-4919-93f8-4a249b28df98" providerId="AD" clId="Web-{8BEDFB82-676D-9298-9D68-D20D7F5B8BDE}" dt="2022-12-16T14:54:34.054" v="518" actId="1076"/>
          <ac:spMkLst>
            <pc:docMk/>
            <pc:sldMk cId="3754493735" sldId="296"/>
            <ac:spMk id="39" creationId="{4EC164F4-3E61-C881-D8E2-38DD9FD5D46F}"/>
          </ac:spMkLst>
        </pc:spChg>
        <pc:spChg chg="mod">
          <ac:chgData name="Emelie Westall Lundqvist" userId="S::s221956@dtu.dk::3a6c0c6b-4056-4919-93f8-4a249b28df98" providerId="AD" clId="Web-{8BEDFB82-676D-9298-9D68-D20D7F5B8BDE}" dt="2022-12-16T14:54:36.570" v="519" actId="1076"/>
          <ac:spMkLst>
            <pc:docMk/>
            <pc:sldMk cId="3754493735" sldId="296"/>
            <ac:spMk id="40" creationId="{A06CFEA5-2F20-62A1-D4B9-F260E1B9840F}"/>
          </ac:spMkLst>
        </pc:spChg>
        <pc:picChg chg="del">
          <ac:chgData name="Emelie Westall Lundqvist" userId="S::s221956@dtu.dk::3a6c0c6b-4056-4919-93f8-4a249b28df98" providerId="AD" clId="Web-{8BEDFB82-676D-9298-9D68-D20D7F5B8BDE}" dt="2022-12-16T14:52:51.611" v="494"/>
          <ac:picMkLst>
            <pc:docMk/>
            <pc:sldMk cId="3754493735" sldId="296"/>
            <ac:picMk id="2" creationId="{8571A460-5294-C839-375E-BE8B3A8350C7}"/>
          </ac:picMkLst>
        </pc:picChg>
        <pc:picChg chg="del">
          <ac:chgData name="Emelie Westall Lundqvist" userId="S::s221956@dtu.dk::3a6c0c6b-4056-4919-93f8-4a249b28df98" providerId="AD" clId="Web-{8BEDFB82-676D-9298-9D68-D20D7F5B8BDE}" dt="2022-12-16T14:52:14.203" v="481"/>
          <ac:picMkLst>
            <pc:docMk/>
            <pc:sldMk cId="3754493735" sldId="296"/>
            <ac:picMk id="6" creationId="{00C75E90-03AD-46EF-2073-B1AD49B2EAD1}"/>
          </ac:picMkLst>
        </pc:picChg>
        <pc:picChg chg="del">
          <ac:chgData name="Emelie Westall Lundqvist" userId="S::s221956@dtu.dk::3a6c0c6b-4056-4919-93f8-4a249b28df98" providerId="AD" clId="Web-{8BEDFB82-676D-9298-9D68-D20D7F5B8BDE}" dt="2022-12-16T14:52:50.627" v="493"/>
          <ac:picMkLst>
            <pc:docMk/>
            <pc:sldMk cId="3754493735" sldId="296"/>
            <ac:picMk id="38" creationId="{6B40E5D6-4DB3-3544-BF11-7BE5AE4EC3AB}"/>
          </ac:picMkLst>
        </pc:picChg>
        <pc:picChg chg="del">
          <ac:chgData name="Emelie Westall Lundqvist" userId="S::s221956@dtu.dk::3a6c0c6b-4056-4919-93f8-4a249b28df98" providerId="AD" clId="Web-{8BEDFB82-676D-9298-9D68-D20D7F5B8BDE}" dt="2022-12-16T14:52:12.312" v="480"/>
          <ac:picMkLst>
            <pc:docMk/>
            <pc:sldMk cId="3754493735" sldId="296"/>
            <ac:picMk id="41" creationId="{43BB492F-B38C-BED9-E687-EB26BA30C8B5}"/>
          </ac:picMkLst>
        </pc:picChg>
        <pc:inkChg chg="del">
          <ac:chgData name="Emelie Westall Lundqvist" userId="S::s221956@dtu.dk::3a6c0c6b-4056-4919-93f8-4a249b28df98" providerId="AD" clId="Web-{8BEDFB82-676D-9298-9D68-D20D7F5B8BDE}" dt="2022-12-16T14:52:10.062" v="477"/>
          <ac:inkMkLst>
            <pc:docMk/>
            <pc:sldMk cId="3754493735" sldId="296"/>
            <ac:inkMk id="14" creationId="{6F0D2BDB-CC74-21B2-F20E-FA8DA2D47E0A}"/>
          </ac:inkMkLst>
        </pc:inkChg>
        <pc:inkChg chg="del">
          <ac:chgData name="Emelie Westall Lundqvist" userId="S::s221956@dtu.dk::3a6c0c6b-4056-4919-93f8-4a249b28df98" providerId="AD" clId="Web-{8BEDFB82-676D-9298-9D68-D20D7F5B8BDE}" dt="2022-12-16T14:52:10.062" v="475"/>
          <ac:inkMkLst>
            <pc:docMk/>
            <pc:sldMk cId="3754493735" sldId="296"/>
            <ac:inkMk id="16" creationId="{48D58BC5-ABF9-BA85-60A8-BB7897F83E7B}"/>
          </ac:inkMkLst>
        </pc:inkChg>
        <pc:inkChg chg="del">
          <ac:chgData name="Emelie Westall Lundqvist" userId="S::s221956@dtu.dk::3a6c0c6b-4056-4919-93f8-4a249b28df98" providerId="AD" clId="Web-{8BEDFB82-676D-9298-9D68-D20D7F5B8BDE}" dt="2022-12-16T14:52:10.062" v="476"/>
          <ac:inkMkLst>
            <pc:docMk/>
            <pc:sldMk cId="3754493735" sldId="296"/>
            <ac:inkMk id="19" creationId="{97C96914-4EC3-EA7E-FB69-58C47B2E3818}"/>
          </ac:inkMkLst>
        </pc:inkChg>
      </pc:sldChg>
      <pc:sldChg chg="new del">
        <pc:chgData name="Emelie Westall Lundqvist" userId="S::s221956@dtu.dk::3a6c0c6b-4056-4919-93f8-4a249b28df98" providerId="AD" clId="Web-{8BEDFB82-676D-9298-9D68-D20D7F5B8BDE}" dt="2022-12-16T14:55:56.917" v="525"/>
        <pc:sldMkLst>
          <pc:docMk/>
          <pc:sldMk cId="2821927704" sldId="297"/>
        </pc:sldMkLst>
      </pc:sldChg>
      <pc:sldChg chg="new del">
        <pc:chgData name="Emelie Westall Lundqvist" userId="S::s221956@dtu.dk::3a6c0c6b-4056-4919-93f8-4a249b28df98" providerId="AD" clId="Web-{8BEDFB82-676D-9298-9D68-D20D7F5B8BDE}" dt="2022-12-16T14:55:58.417" v="526"/>
        <pc:sldMkLst>
          <pc:docMk/>
          <pc:sldMk cId="2065890462" sldId="298"/>
        </pc:sldMkLst>
      </pc:sldChg>
      <pc:sldChg chg="add del replId">
        <pc:chgData name="Emelie Westall Lundqvist" userId="S::s221956@dtu.dk::3a6c0c6b-4056-4919-93f8-4a249b28df98" providerId="AD" clId="Web-{8BEDFB82-676D-9298-9D68-D20D7F5B8BDE}" dt="2022-12-16T14:56:47.389" v="559"/>
        <pc:sldMkLst>
          <pc:docMk/>
          <pc:sldMk cId="2377927084" sldId="299"/>
        </pc:sldMkLst>
      </pc:sldChg>
      <pc:sldChg chg="new del">
        <pc:chgData name="Emelie Westall Lundqvist" userId="S::s221956@dtu.dk::3a6c0c6b-4056-4919-93f8-4a249b28df98" providerId="AD" clId="Web-{8BEDFB82-676D-9298-9D68-D20D7F5B8BDE}" dt="2022-12-16T14:55:55.120" v="524"/>
        <pc:sldMkLst>
          <pc:docMk/>
          <pc:sldMk cId="1840457264" sldId="300"/>
        </pc:sldMkLst>
      </pc:sldChg>
      <pc:sldChg chg="addSp delSp modSp add replId">
        <pc:chgData name="Emelie Westall Lundqvist" userId="S::s221956@dtu.dk::3a6c0c6b-4056-4919-93f8-4a249b28df98" providerId="AD" clId="Web-{8BEDFB82-676D-9298-9D68-D20D7F5B8BDE}" dt="2022-12-16T15:37:49.809" v="1452"/>
        <pc:sldMkLst>
          <pc:docMk/>
          <pc:sldMk cId="2722807843" sldId="300"/>
        </pc:sldMkLst>
        <pc:spChg chg="mod">
          <ac:chgData name="Emelie Westall Lundqvist" userId="S::s221956@dtu.dk::3a6c0c6b-4056-4919-93f8-4a249b28df98" providerId="AD" clId="Web-{8BEDFB82-676D-9298-9D68-D20D7F5B8BDE}" dt="2022-12-16T14:56:41.513" v="558" actId="20577"/>
          <ac:spMkLst>
            <pc:docMk/>
            <pc:sldMk cId="2722807843" sldId="300"/>
            <ac:spMk id="2" creationId="{164BAB01-7D3C-93D9-063D-D710160C25EF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6:12.277" v="538"/>
          <ac:spMkLst>
            <pc:docMk/>
            <pc:sldMk cId="2722807843" sldId="300"/>
            <ac:spMk id="6" creationId="{6D600F5E-D77C-FE72-AA2D-7B319DB970E2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6:12.277" v="536"/>
          <ac:spMkLst>
            <pc:docMk/>
            <pc:sldMk cId="2722807843" sldId="300"/>
            <ac:spMk id="8" creationId="{00CABE77-EE55-42C1-618A-2DE046F5486D}"/>
          </ac:spMkLst>
        </pc:spChg>
        <pc:spChg chg="del">
          <ac:chgData name="Emelie Westall Lundqvist" userId="S::s221956@dtu.dk::3a6c0c6b-4056-4919-93f8-4a249b28df98" providerId="AD" clId="Web-{8BEDFB82-676D-9298-9D68-D20D7F5B8BDE}" dt="2022-12-16T14:56:12.277" v="534"/>
          <ac:spMkLst>
            <pc:docMk/>
            <pc:sldMk cId="2722807843" sldId="300"/>
            <ac:spMk id="10" creationId="{557224BB-207D-A9DF-54E9-06F7B580B4C9}"/>
          </ac:spMkLst>
        </pc:spChg>
        <pc:spChg chg="add del mod">
          <ac:chgData name="Emelie Westall Lundqvist" userId="S::s221956@dtu.dk::3a6c0c6b-4056-4919-93f8-4a249b28df98" providerId="AD" clId="Web-{8BEDFB82-676D-9298-9D68-D20D7F5B8BDE}" dt="2022-12-16T14:56:12.277" v="533"/>
          <ac:spMkLst>
            <pc:docMk/>
            <pc:sldMk cId="2722807843" sldId="300"/>
            <ac:spMk id="12" creationId="{5777E343-4E3A-F5A6-1A44-9CCD9780F43A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5:02:53.844" v="681" actId="20577"/>
          <ac:spMkLst>
            <pc:docMk/>
            <pc:sldMk cId="2722807843" sldId="300"/>
            <ac:spMk id="17" creationId="{D058C6F1-BC51-B32D-E605-25A2D030BD67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5:02:13.577" v="660" actId="20577"/>
          <ac:spMkLst>
            <pc:docMk/>
            <pc:sldMk cId="2722807843" sldId="300"/>
            <ac:spMk id="18" creationId="{693DA3B1-B9CC-6E9D-1251-301D2912F104}"/>
          </ac:spMkLst>
        </pc:spChg>
        <pc:spChg chg="add del mod">
          <ac:chgData name="Emelie Westall Lundqvist" userId="S::s221956@dtu.dk::3a6c0c6b-4056-4919-93f8-4a249b28df98" providerId="AD" clId="Web-{8BEDFB82-676D-9298-9D68-D20D7F5B8BDE}" dt="2022-12-16T15:02:27.359" v="669" actId="20577"/>
          <ac:spMkLst>
            <pc:docMk/>
            <pc:sldMk cId="2722807843" sldId="300"/>
            <ac:spMk id="19" creationId="{19B2EDC9-C24A-2BD2-8667-469482D6FF98}"/>
          </ac:spMkLst>
        </pc:spChg>
        <pc:graphicFrameChg chg="del">
          <ac:chgData name="Emelie Westall Lundqvist" userId="S::s221956@dtu.dk::3a6c0c6b-4056-4919-93f8-4a249b28df98" providerId="AD" clId="Web-{8BEDFB82-676D-9298-9D68-D20D7F5B8BDE}" dt="2022-12-16T14:56:12.277" v="537"/>
          <ac:graphicFrameMkLst>
            <pc:docMk/>
            <pc:sldMk cId="2722807843" sldId="300"/>
            <ac:graphicFrameMk id="7" creationId="{D046D3B9-1925-626A-4775-A635D63437F8}"/>
          </ac:graphicFrameMkLst>
        </pc:graphicFrameChg>
        <pc:graphicFrameChg chg="del">
          <ac:chgData name="Emelie Westall Lundqvist" userId="S::s221956@dtu.dk::3a6c0c6b-4056-4919-93f8-4a249b28df98" providerId="AD" clId="Web-{8BEDFB82-676D-9298-9D68-D20D7F5B8BDE}" dt="2022-12-16T14:56:12.277" v="535"/>
          <ac:graphicFrameMkLst>
            <pc:docMk/>
            <pc:sldMk cId="2722807843" sldId="300"/>
            <ac:graphicFrameMk id="9" creationId="{F73B73AD-CC82-156F-BCAE-4813A2DA4111}"/>
          </ac:graphicFrameMkLst>
        </pc:graphicFrameChg>
        <pc:picChg chg="del">
          <ac:chgData name="Emelie Westall Lundqvist" userId="S::s221956@dtu.dk::3a6c0c6b-4056-4919-93f8-4a249b28df98" providerId="AD" clId="Web-{8BEDFB82-676D-9298-9D68-D20D7F5B8BDE}" dt="2022-12-16T14:56:10.277" v="532"/>
          <ac:picMkLst>
            <pc:docMk/>
            <pc:sldMk cId="2722807843" sldId="300"/>
            <ac:picMk id="5" creationId="{7DDEFCA3-DCB2-7506-BEA6-41E16A3111AB}"/>
          </ac:picMkLst>
        </pc:picChg>
        <pc:picChg chg="add mod">
          <ac:chgData name="Emelie Westall Lundqvist" userId="S::s221956@dtu.dk::3a6c0c6b-4056-4919-93f8-4a249b28df98" providerId="AD" clId="Web-{8BEDFB82-676D-9298-9D68-D20D7F5B8BDE}" dt="2022-12-16T15:02:04.154" v="644" actId="1076"/>
          <ac:picMkLst>
            <pc:docMk/>
            <pc:sldMk cId="2722807843" sldId="300"/>
            <ac:picMk id="13" creationId="{DD44C672-272A-AF0B-17E6-A73ED3731C9E}"/>
          </ac:picMkLst>
        </pc:picChg>
        <pc:picChg chg="add mod modCrop">
          <ac:chgData name="Emelie Westall Lundqvist" userId="S::s221956@dtu.dk::3a6c0c6b-4056-4919-93f8-4a249b28df98" providerId="AD" clId="Web-{8BEDFB82-676D-9298-9D68-D20D7F5B8BDE}" dt="2022-12-16T15:02:34.890" v="673"/>
          <ac:picMkLst>
            <pc:docMk/>
            <pc:sldMk cId="2722807843" sldId="300"/>
            <ac:picMk id="14" creationId="{4EBC6445-55B4-8308-5793-5E9BD334A3AB}"/>
          </ac:picMkLst>
        </pc:picChg>
        <pc:picChg chg="add mod">
          <ac:chgData name="Emelie Westall Lundqvist" userId="S::s221956@dtu.dk::3a6c0c6b-4056-4919-93f8-4a249b28df98" providerId="AD" clId="Web-{8BEDFB82-676D-9298-9D68-D20D7F5B8BDE}" dt="2022-12-16T15:02:39.281" v="676" actId="1076"/>
          <ac:picMkLst>
            <pc:docMk/>
            <pc:sldMk cId="2722807843" sldId="300"/>
            <ac:picMk id="15" creationId="{92A1AB10-F942-68FA-33B6-4CFA4498D318}"/>
          </ac:picMkLst>
        </pc:picChg>
        <pc:picChg chg="add mod">
          <ac:chgData name="Emelie Westall Lundqvist" userId="S::s221956@dtu.dk::3a6c0c6b-4056-4919-93f8-4a249b28df98" providerId="AD" clId="Web-{8BEDFB82-676D-9298-9D68-D20D7F5B8BDE}" dt="2022-12-16T15:02:04.982" v="645" actId="1076"/>
          <ac:picMkLst>
            <pc:docMk/>
            <pc:sldMk cId="2722807843" sldId="300"/>
            <ac:picMk id="16" creationId="{79D9DC11-D29F-E1BD-AD9F-A3426A4DCB55}"/>
          </ac:picMkLst>
        </pc:picChg>
        <pc:picChg chg="add del mod">
          <ac:chgData name="Emelie Westall Lundqvist" userId="S::s221956@dtu.dk::3a6c0c6b-4056-4919-93f8-4a249b28df98" providerId="AD" clId="Web-{8BEDFB82-676D-9298-9D68-D20D7F5B8BDE}" dt="2022-12-16T15:37:49.809" v="1452"/>
          <ac:picMkLst>
            <pc:docMk/>
            <pc:sldMk cId="2722807843" sldId="300"/>
            <ac:picMk id="20" creationId="{E3BBAA4F-282D-3EE4-CF84-F103C0EEC5D1}"/>
          </ac:picMkLst>
        </pc:picChg>
      </pc:sldChg>
      <pc:sldChg chg="addSp delSp modSp add replId">
        <pc:chgData name="Emelie Westall Lundqvist" userId="S::s221956@dtu.dk::3a6c0c6b-4056-4919-93f8-4a249b28df98" providerId="AD" clId="Web-{8BEDFB82-676D-9298-9D68-D20D7F5B8BDE}" dt="2022-12-16T15:44:50.269" v="1860" actId="20577"/>
        <pc:sldMkLst>
          <pc:docMk/>
          <pc:sldMk cId="295041497" sldId="301"/>
        </pc:sldMkLst>
        <pc:spChg chg="mod">
          <ac:chgData name="Emelie Westall Lundqvist" userId="S::s221956@dtu.dk::3a6c0c6b-4056-4919-93f8-4a249b28df98" providerId="AD" clId="Web-{8BEDFB82-676D-9298-9D68-D20D7F5B8BDE}" dt="2022-12-16T14:56:29.372" v="556" actId="20577"/>
          <ac:spMkLst>
            <pc:docMk/>
            <pc:sldMk cId="295041497" sldId="301"/>
            <ac:spMk id="2" creationId="{164BAB01-7D3C-93D9-063D-D710160C25EF}"/>
          </ac:spMkLst>
        </pc:spChg>
        <pc:spChg chg="mod">
          <ac:chgData name="Emelie Westall Lundqvist" userId="S::s221956@dtu.dk::3a6c0c6b-4056-4919-93f8-4a249b28df98" providerId="AD" clId="Web-{8BEDFB82-676D-9298-9D68-D20D7F5B8BDE}" dt="2022-12-16T15:37:41.184" v="1450" actId="1076"/>
          <ac:spMkLst>
            <pc:docMk/>
            <pc:sldMk cId="295041497" sldId="301"/>
            <ac:spMk id="4" creationId="{85BE02BF-920D-F785-1990-28A9F9555ACA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5:03:00.454" v="684" actId="20577"/>
          <ac:spMkLst>
            <pc:docMk/>
            <pc:sldMk cId="295041497" sldId="301"/>
            <ac:spMk id="5" creationId="{34B60F10-5447-35E5-BB5A-27F7AD4EFD36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5:44:12.642" v="1814" actId="20577"/>
          <ac:spMkLst>
            <pc:docMk/>
            <pc:sldMk cId="295041497" sldId="301"/>
            <ac:spMk id="9" creationId="{0B533101-FF4D-0161-D85F-1C1067C1B7A9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5:44:50.269" v="1860" actId="20577"/>
          <ac:spMkLst>
            <pc:docMk/>
            <pc:sldMk cId="295041497" sldId="301"/>
            <ac:spMk id="10" creationId="{A956CD34-1011-11E1-F56D-113A45BBF2E3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5:44:17.377" v="1815" actId="1076"/>
          <ac:spMkLst>
            <pc:docMk/>
            <pc:sldMk cId="295041497" sldId="301"/>
            <ac:spMk id="13" creationId="{5075C9F8-F90E-501A-6E9F-347CBF079311}"/>
          </ac:spMkLst>
        </pc:spChg>
        <pc:spChg chg="add mod">
          <ac:chgData name="Emelie Westall Lundqvist" userId="S::s221956@dtu.dk::3a6c0c6b-4056-4919-93f8-4a249b28df98" providerId="AD" clId="Web-{8BEDFB82-676D-9298-9D68-D20D7F5B8BDE}" dt="2022-12-16T15:44:44.706" v="1858" actId="1076"/>
          <ac:spMkLst>
            <pc:docMk/>
            <pc:sldMk cId="295041497" sldId="301"/>
            <ac:spMk id="14" creationId="{E8583EB1-B63A-1A04-BA7B-FFF42AC0643A}"/>
          </ac:spMkLst>
        </pc:spChg>
        <pc:picChg chg="add mod">
          <ac:chgData name="Emelie Westall Lundqvist" userId="S::s221956@dtu.dk::3a6c0c6b-4056-4919-93f8-4a249b28df98" providerId="AD" clId="Web-{8BEDFB82-676D-9298-9D68-D20D7F5B8BDE}" dt="2022-12-16T15:42:50.732" v="1704" actId="1076"/>
          <ac:picMkLst>
            <pc:docMk/>
            <pc:sldMk cId="295041497" sldId="301"/>
            <ac:picMk id="6" creationId="{772E4D77-DC24-7786-1EAE-5A4359B09105}"/>
          </ac:picMkLst>
        </pc:picChg>
        <pc:picChg chg="add del mod">
          <ac:chgData name="Emelie Westall Lundqvist" userId="S::s221956@dtu.dk::3a6c0c6b-4056-4919-93f8-4a249b28df98" providerId="AD" clId="Web-{8BEDFB82-676D-9298-9D68-D20D7F5B8BDE}" dt="2022-12-16T15:38:06.732" v="1454"/>
          <ac:picMkLst>
            <pc:docMk/>
            <pc:sldMk cId="295041497" sldId="301"/>
            <ac:picMk id="7" creationId="{82F2CC5B-0114-86CC-D9B9-70F6E06FB7D6}"/>
          </ac:picMkLst>
        </pc:picChg>
        <pc:picChg chg="add mod">
          <ac:chgData name="Emelie Westall Lundqvist" userId="S::s221956@dtu.dk::3a6c0c6b-4056-4919-93f8-4a249b28df98" providerId="AD" clId="Web-{8BEDFB82-676D-9298-9D68-D20D7F5B8BDE}" dt="2022-12-16T15:42:53.591" v="1705" actId="1076"/>
          <ac:picMkLst>
            <pc:docMk/>
            <pc:sldMk cId="295041497" sldId="301"/>
            <ac:picMk id="8" creationId="{2AA68238-7763-497B-D148-7B969C80ED1B}"/>
          </ac:picMkLst>
        </pc:picChg>
        <pc:picChg chg="add mod">
          <ac:chgData name="Emelie Westall Lundqvist" userId="S::s221956@dtu.dk::3a6c0c6b-4056-4919-93f8-4a249b28df98" providerId="AD" clId="Web-{8BEDFB82-676D-9298-9D68-D20D7F5B8BDE}" dt="2022-12-16T15:39:47.769" v="1478" actId="1076"/>
          <ac:picMkLst>
            <pc:docMk/>
            <pc:sldMk cId="295041497" sldId="301"/>
            <ac:picMk id="12" creationId="{84DC5A15-6DEE-5F7C-0FA4-0E3397DE9209}"/>
          </ac:picMkLst>
        </pc:picChg>
      </pc:sldChg>
      <pc:sldChg chg="modSp new">
        <pc:chgData name="Emelie Westall Lundqvist" userId="S::s221956@dtu.dk::3a6c0c6b-4056-4919-93f8-4a249b28df98" providerId="AD" clId="Web-{8BEDFB82-676D-9298-9D68-D20D7F5B8BDE}" dt="2022-12-16T15:09:15.988" v="853" actId="20577"/>
        <pc:sldMkLst>
          <pc:docMk/>
          <pc:sldMk cId="2650260157" sldId="302"/>
        </pc:sldMkLst>
        <pc:spChg chg="mod">
          <ac:chgData name="Emelie Westall Lundqvist" userId="S::s221956@dtu.dk::3a6c0c6b-4056-4919-93f8-4a249b28df98" providerId="AD" clId="Web-{8BEDFB82-676D-9298-9D68-D20D7F5B8BDE}" dt="2022-12-16T15:08:43.143" v="788" actId="20577"/>
          <ac:spMkLst>
            <pc:docMk/>
            <pc:sldMk cId="2650260157" sldId="302"/>
            <ac:spMk id="2" creationId="{060B0088-1A32-5AC6-82CF-B82F63E8281D}"/>
          </ac:spMkLst>
        </pc:spChg>
        <pc:spChg chg="mod">
          <ac:chgData name="Emelie Westall Lundqvist" userId="S::s221956@dtu.dk::3a6c0c6b-4056-4919-93f8-4a249b28df98" providerId="AD" clId="Web-{8BEDFB82-676D-9298-9D68-D20D7F5B8BDE}" dt="2022-12-16T15:09:15.988" v="853" actId="20577"/>
          <ac:spMkLst>
            <pc:docMk/>
            <pc:sldMk cId="2650260157" sldId="302"/>
            <ac:spMk id="3" creationId="{705DEA0A-C666-DF71-50F4-473B70FE23B2}"/>
          </ac:spMkLst>
        </pc:spChg>
      </pc:sldChg>
      <pc:sldChg chg="del">
        <pc:chgData name="Emelie Westall Lundqvist" userId="S::s221956@dtu.dk::3a6c0c6b-4056-4919-93f8-4a249b28df98" providerId="AD" clId="Web-{8BEDFB82-676D-9298-9D68-D20D7F5B8BDE}" dt="2022-12-16T15:09:35.411" v="855"/>
        <pc:sldMkLst>
          <pc:docMk/>
          <pc:sldMk cId="3035621849" sldId="303"/>
        </pc:sldMkLst>
      </pc:sldChg>
      <pc:sldChg chg="delSp modSp add replId">
        <pc:chgData name="Emelie Westall Lundqvist" userId="S::s221956@dtu.dk::3a6c0c6b-4056-4919-93f8-4a249b28df98" providerId="AD" clId="Web-{8BEDFB82-676D-9298-9D68-D20D7F5B8BDE}" dt="2022-12-16T15:31:48.509" v="1433" actId="1076"/>
        <pc:sldMkLst>
          <pc:docMk/>
          <pc:sldMk cId="3188776685" sldId="304"/>
        </pc:sldMkLst>
        <pc:spChg chg="mod">
          <ac:chgData name="Emelie Westall Lundqvist" userId="S::s221956@dtu.dk::3a6c0c6b-4056-4919-93f8-4a249b28df98" providerId="AD" clId="Web-{8BEDFB82-676D-9298-9D68-D20D7F5B8BDE}" dt="2022-12-16T15:31:48.509" v="1433" actId="1076"/>
          <ac:spMkLst>
            <pc:docMk/>
            <pc:sldMk cId="3188776685" sldId="304"/>
            <ac:spMk id="6" creationId="{6D600F5E-D77C-FE72-AA2D-7B319DB970E2}"/>
          </ac:spMkLst>
        </pc:spChg>
        <pc:spChg chg="del mod">
          <ac:chgData name="Emelie Westall Lundqvist" userId="S::s221956@dtu.dk::3a6c0c6b-4056-4919-93f8-4a249b28df98" providerId="AD" clId="Web-{8BEDFB82-676D-9298-9D68-D20D7F5B8BDE}" dt="2022-12-16T15:26:07.445" v="1398"/>
          <ac:spMkLst>
            <pc:docMk/>
            <pc:sldMk cId="3188776685" sldId="304"/>
            <ac:spMk id="8" creationId="{00CABE77-EE55-42C1-618A-2DE046F5486D}"/>
          </ac:spMkLst>
        </pc:spChg>
        <pc:spChg chg="mod">
          <ac:chgData name="Emelie Westall Lundqvist" userId="S::s221956@dtu.dk::3a6c0c6b-4056-4919-93f8-4a249b28df98" providerId="AD" clId="Web-{8BEDFB82-676D-9298-9D68-D20D7F5B8BDE}" dt="2022-12-16T15:31:12.507" v="1429" actId="1076"/>
          <ac:spMkLst>
            <pc:docMk/>
            <pc:sldMk cId="3188776685" sldId="304"/>
            <ac:spMk id="10" creationId="{557224BB-207D-A9DF-54E9-06F7B580B4C9}"/>
          </ac:spMkLst>
        </pc:spChg>
        <pc:graphicFrameChg chg="del mod modGraphic">
          <ac:chgData name="Emelie Westall Lundqvist" userId="S::s221956@dtu.dk::3a6c0c6b-4056-4919-93f8-4a249b28df98" providerId="AD" clId="Web-{8BEDFB82-676D-9298-9D68-D20D7F5B8BDE}" dt="2022-12-16T15:24:25.299" v="1375"/>
          <ac:graphicFrameMkLst>
            <pc:docMk/>
            <pc:sldMk cId="3188776685" sldId="304"/>
            <ac:graphicFrameMk id="7" creationId="{D046D3B9-1925-626A-4775-A635D63437F8}"/>
          </ac:graphicFrameMkLst>
        </pc:graphicFrameChg>
        <pc:graphicFrameChg chg="mod modGraphic">
          <ac:chgData name="Emelie Westall Lundqvist" userId="S::s221956@dtu.dk::3a6c0c6b-4056-4919-93f8-4a249b28df98" providerId="AD" clId="Web-{8BEDFB82-676D-9298-9D68-D20D7F5B8BDE}" dt="2022-12-16T15:25:10.348" v="1386" actId="1076"/>
          <ac:graphicFrameMkLst>
            <pc:docMk/>
            <pc:sldMk cId="3188776685" sldId="304"/>
            <ac:graphicFrameMk id="9" creationId="{F73B73AD-CC82-156F-BCAE-4813A2DA4111}"/>
          </ac:graphicFrameMkLst>
        </pc:graphicFrameChg>
        <pc:picChg chg="mod">
          <ac:chgData name="Emelie Westall Lundqvist" userId="S::s221956@dtu.dk::3a6c0c6b-4056-4919-93f8-4a249b28df98" providerId="AD" clId="Web-{8BEDFB82-676D-9298-9D68-D20D7F5B8BDE}" dt="2022-12-16T15:31:35.508" v="1431" actId="1076"/>
          <ac:picMkLst>
            <pc:docMk/>
            <pc:sldMk cId="3188776685" sldId="304"/>
            <ac:picMk id="5" creationId="{7DDEFCA3-DCB2-7506-BEA6-41E16A3111AB}"/>
          </ac:picMkLst>
        </pc:picChg>
      </pc:sldChg>
      <pc:sldChg chg="modSp">
        <pc:chgData name="Emelie Westall Lundqvist" userId="S::s221956@dtu.dk::3a6c0c6b-4056-4919-93f8-4a249b28df98" providerId="AD" clId="Web-{8BEDFB82-676D-9298-9D68-D20D7F5B8BDE}" dt="2022-12-16T15:30:12.457" v="1412" actId="1076"/>
        <pc:sldMkLst>
          <pc:docMk/>
          <pc:sldMk cId="4162553611" sldId="305"/>
        </pc:sldMkLst>
        <pc:picChg chg="mod">
          <ac:chgData name="Emelie Westall Lundqvist" userId="S::s221956@dtu.dk::3a6c0c6b-4056-4919-93f8-4a249b28df98" providerId="AD" clId="Web-{8BEDFB82-676D-9298-9D68-D20D7F5B8BDE}" dt="2022-12-16T15:30:12.457" v="1412" actId="1076"/>
          <ac:picMkLst>
            <pc:docMk/>
            <pc:sldMk cId="4162553611" sldId="305"/>
            <ac:picMk id="12" creationId="{5296D5A9-0A6D-6CFE-39BE-CC704982731A}"/>
          </ac:picMkLst>
        </pc:picChg>
      </pc:sldChg>
    </pc:docChg>
  </pc:docChgLst>
  <pc:docChgLst>
    <pc:chgData name="Emelie Westall Lundqvist" userId="S::s221956@dtu.dk::3a6c0c6b-4056-4919-93f8-4a249b28df98" providerId="AD" clId="Web-{F81DAB6D-71D6-4762-8559-B5D2D61B16A3}"/>
    <pc:docChg chg="addSld modSld sldOrd">
      <pc:chgData name="Emelie Westall Lundqvist" userId="S::s221956@dtu.dk::3a6c0c6b-4056-4919-93f8-4a249b28df98" providerId="AD" clId="Web-{F81DAB6D-71D6-4762-8559-B5D2D61B16A3}" dt="2022-12-15T17:00:40.044" v="1416" actId="1076"/>
      <pc:docMkLst>
        <pc:docMk/>
      </pc:docMkLst>
      <pc:sldChg chg="modSp">
        <pc:chgData name="Emelie Westall Lundqvist" userId="S::s221956@dtu.dk::3a6c0c6b-4056-4919-93f8-4a249b28df98" providerId="AD" clId="Web-{F81DAB6D-71D6-4762-8559-B5D2D61B16A3}" dt="2022-12-15T16:12:59.938" v="493" actId="14100"/>
        <pc:sldMkLst>
          <pc:docMk/>
          <pc:sldMk cId="2425252323" sldId="257"/>
        </pc:sldMkLst>
        <pc:spChg chg="mod">
          <ac:chgData name="Emelie Westall Lundqvist" userId="S::s221956@dtu.dk::3a6c0c6b-4056-4919-93f8-4a249b28df98" providerId="AD" clId="Web-{F81DAB6D-71D6-4762-8559-B5D2D61B16A3}" dt="2022-12-15T16:12:59.938" v="493" actId="14100"/>
          <ac:spMkLst>
            <pc:docMk/>
            <pc:sldMk cId="2425252323" sldId="257"/>
            <ac:spMk id="2" creationId="{E6DB5006-1173-97E8-43B5-5235D6F6BAC4}"/>
          </ac:spMkLst>
        </pc:spChg>
      </pc:sldChg>
      <pc:sldChg chg="modSp">
        <pc:chgData name="Emelie Westall Lundqvist" userId="S::s221956@dtu.dk::3a6c0c6b-4056-4919-93f8-4a249b28df98" providerId="AD" clId="Web-{F81DAB6D-71D6-4762-8559-B5D2D61B16A3}" dt="2022-12-15T09:57:57.941" v="14" actId="20577"/>
        <pc:sldMkLst>
          <pc:docMk/>
          <pc:sldMk cId="1549464868" sldId="287"/>
        </pc:sldMkLst>
        <pc:spChg chg="mod">
          <ac:chgData name="Emelie Westall Lundqvist" userId="S::s221956@dtu.dk::3a6c0c6b-4056-4919-93f8-4a249b28df98" providerId="AD" clId="Web-{F81DAB6D-71D6-4762-8559-B5D2D61B16A3}" dt="2022-12-15T09:57:57.941" v="14" actId="20577"/>
          <ac:spMkLst>
            <pc:docMk/>
            <pc:sldMk cId="1549464868" sldId="287"/>
            <ac:spMk id="2" creationId="{4C3BC5C2-1BE9-EFDF-FEB8-1B2D31F0F4BB}"/>
          </ac:spMkLst>
        </pc:spChg>
      </pc:sldChg>
      <pc:sldChg chg="modSp new ord">
        <pc:chgData name="Emelie Westall Lundqvist" userId="S::s221956@dtu.dk::3a6c0c6b-4056-4919-93f8-4a249b28df98" providerId="AD" clId="Web-{F81DAB6D-71D6-4762-8559-B5D2D61B16A3}" dt="2022-12-15T16:12:17.953" v="489"/>
        <pc:sldMkLst>
          <pc:docMk/>
          <pc:sldMk cId="1862264132" sldId="288"/>
        </pc:sldMkLst>
        <pc:spChg chg="mod">
          <ac:chgData name="Emelie Westall Lundqvist" userId="S::s221956@dtu.dk::3a6c0c6b-4056-4919-93f8-4a249b28df98" providerId="AD" clId="Web-{F81DAB6D-71D6-4762-8559-B5D2D61B16A3}" dt="2022-12-15T10:53:39.990" v="289" actId="20577"/>
          <ac:spMkLst>
            <pc:docMk/>
            <pc:sldMk cId="1862264132" sldId="288"/>
            <ac:spMk id="3" creationId="{050DF8CE-F7D0-A491-8E5B-0D3ACF86DD4C}"/>
          </ac:spMkLst>
        </pc:spChg>
      </pc:sldChg>
      <pc:sldChg chg="addSp delSp modSp new ord">
        <pc:chgData name="Emelie Westall Lundqvist" userId="S::s221956@dtu.dk::3a6c0c6b-4056-4919-93f8-4a249b28df98" providerId="AD" clId="Web-{F81DAB6D-71D6-4762-8559-B5D2D61B16A3}" dt="2022-12-15T16:12:19.343" v="490"/>
        <pc:sldMkLst>
          <pc:docMk/>
          <pc:sldMk cId="544407692" sldId="289"/>
        </pc:sldMkLst>
        <pc:spChg chg="mod">
          <ac:chgData name="Emelie Westall Lundqvist" userId="S::s221956@dtu.dk::3a6c0c6b-4056-4919-93f8-4a249b28df98" providerId="AD" clId="Web-{F81DAB6D-71D6-4762-8559-B5D2D61B16A3}" dt="2022-12-15T12:07:41.658" v="310" actId="20577"/>
          <ac:spMkLst>
            <pc:docMk/>
            <pc:sldMk cId="544407692" sldId="289"/>
            <ac:spMk id="2" creationId="{F5B421EE-2A23-F3D0-CB75-7FDB295DB2EA}"/>
          </ac:spMkLst>
        </pc:spChg>
        <pc:spChg chg="del">
          <ac:chgData name="Emelie Westall Lundqvist" userId="S::s221956@dtu.dk::3a6c0c6b-4056-4919-93f8-4a249b28df98" providerId="AD" clId="Web-{F81DAB6D-71D6-4762-8559-B5D2D61B16A3}" dt="2022-12-15T12:08:09.877" v="337"/>
          <ac:spMkLst>
            <pc:docMk/>
            <pc:sldMk cId="544407692" sldId="289"/>
            <ac:spMk id="3" creationId="{628CF22E-1428-B326-7B1C-0FA092114B20}"/>
          </ac:spMkLst>
        </pc:spChg>
        <pc:spChg chg="add mod">
          <ac:chgData name="Emelie Westall Lundqvist" userId="S::s221956@dtu.dk::3a6c0c6b-4056-4919-93f8-4a249b28df98" providerId="AD" clId="Web-{F81DAB6D-71D6-4762-8559-B5D2D61B16A3}" dt="2022-12-15T12:10:29.595" v="487" actId="20577"/>
          <ac:spMkLst>
            <pc:docMk/>
            <pc:sldMk cId="544407692" sldId="289"/>
            <ac:spMk id="6" creationId="{A19D621C-69F3-46D5-21AF-39462FBA0802}"/>
          </ac:spMkLst>
        </pc:spChg>
        <pc:picChg chg="add mod ord">
          <ac:chgData name="Emelie Westall Lundqvist" userId="S::s221956@dtu.dk::3a6c0c6b-4056-4919-93f8-4a249b28df98" providerId="AD" clId="Web-{F81DAB6D-71D6-4762-8559-B5D2D61B16A3}" dt="2022-12-15T12:08:09.877" v="337"/>
          <ac:picMkLst>
            <pc:docMk/>
            <pc:sldMk cId="544407692" sldId="289"/>
            <ac:picMk id="5" creationId="{133EF390-88F0-BC1E-A4AD-45DD351C9A33}"/>
          </ac:picMkLst>
        </pc:picChg>
      </pc:sldChg>
      <pc:sldChg chg="addSp delSp modSp new">
        <pc:chgData name="Emelie Westall Lundqvist" userId="S::s221956@dtu.dk::3a6c0c6b-4056-4919-93f8-4a249b28df98" providerId="AD" clId="Web-{F81DAB6D-71D6-4762-8559-B5D2D61B16A3}" dt="2022-12-15T17:00:40.044" v="1416" actId="1076"/>
        <pc:sldMkLst>
          <pc:docMk/>
          <pc:sldMk cId="3949890615" sldId="290"/>
        </pc:sldMkLst>
        <pc:spChg chg="mod">
          <ac:chgData name="Emelie Westall Lundqvist" userId="S::s221956@dtu.dk::3a6c0c6b-4056-4919-93f8-4a249b28df98" providerId="AD" clId="Web-{F81DAB6D-71D6-4762-8559-B5D2D61B16A3}" dt="2022-12-15T16:14:27.533" v="508" actId="20577"/>
          <ac:spMkLst>
            <pc:docMk/>
            <pc:sldMk cId="3949890615" sldId="290"/>
            <ac:spMk id="2" creationId="{164BAB01-7D3C-93D9-063D-D710160C25EF}"/>
          </ac:spMkLst>
        </pc:spChg>
        <pc:spChg chg="del">
          <ac:chgData name="Emelie Westall Lundqvist" userId="S::s221956@dtu.dk::3a6c0c6b-4056-4919-93f8-4a249b28df98" providerId="AD" clId="Web-{F81DAB6D-71D6-4762-8559-B5D2D61B16A3}" dt="2022-12-15T16:14:05.954" v="494"/>
          <ac:spMkLst>
            <pc:docMk/>
            <pc:sldMk cId="3949890615" sldId="290"/>
            <ac:spMk id="3" creationId="{33F63227-5398-7A99-C2D0-BA3C150DA7E7}"/>
          </ac:spMkLst>
        </pc:spChg>
        <pc:spChg chg="add mod">
          <ac:chgData name="Emelie Westall Lundqvist" userId="S::s221956@dtu.dk::3a6c0c6b-4056-4919-93f8-4a249b28df98" providerId="AD" clId="Web-{F81DAB6D-71D6-4762-8559-B5D2D61B16A3}" dt="2022-12-15T16:59:52.371" v="1406" actId="1076"/>
          <ac:spMkLst>
            <pc:docMk/>
            <pc:sldMk cId="3949890615" sldId="290"/>
            <ac:spMk id="6" creationId="{6D600F5E-D77C-FE72-AA2D-7B319DB970E2}"/>
          </ac:spMkLst>
        </pc:spChg>
        <pc:spChg chg="add mod">
          <ac:chgData name="Emelie Westall Lundqvist" userId="S::s221956@dtu.dk::3a6c0c6b-4056-4919-93f8-4a249b28df98" providerId="AD" clId="Web-{F81DAB6D-71D6-4762-8559-B5D2D61B16A3}" dt="2022-12-15T17:00:12.059" v="1412" actId="1076"/>
          <ac:spMkLst>
            <pc:docMk/>
            <pc:sldMk cId="3949890615" sldId="290"/>
            <ac:spMk id="8" creationId="{00CABE77-EE55-42C1-618A-2DE046F5486D}"/>
          </ac:spMkLst>
        </pc:spChg>
        <pc:spChg chg="add mod">
          <ac:chgData name="Emelie Westall Lundqvist" userId="S::s221956@dtu.dk::3a6c0c6b-4056-4919-93f8-4a249b28df98" providerId="AD" clId="Web-{F81DAB6D-71D6-4762-8559-B5D2D61B16A3}" dt="2022-12-15T17:00:30.622" v="1414" actId="14100"/>
          <ac:spMkLst>
            <pc:docMk/>
            <pc:sldMk cId="3949890615" sldId="290"/>
            <ac:spMk id="10" creationId="{557224BB-207D-A9DF-54E9-06F7B580B4C9}"/>
          </ac:spMkLst>
        </pc:spChg>
        <pc:graphicFrameChg chg="add mod modGraphic">
          <ac:chgData name="Emelie Westall Lundqvist" userId="S::s221956@dtu.dk::3a6c0c6b-4056-4919-93f8-4a249b28df98" providerId="AD" clId="Web-{F81DAB6D-71D6-4762-8559-B5D2D61B16A3}" dt="2022-12-15T17:00:40.044" v="1416" actId="1076"/>
          <ac:graphicFrameMkLst>
            <pc:docMk/>
            <pc:sldMk cId="3949890615" sldId="290"/>
            <ac:graphicFrameMk id="7" creationId="{D046D3B9-1925-626A-4775-A635D63437F8}"/>
          </ac:graphicFrameMkLst>
        </pc:graphicFrameChg>
        <pc:graphicFrameChg chg="add mod modGraphic">
          <ac:chgData name="Emelie Westall Lundqvist" userId="S::s221956@dtu.dk::3a6c0c6b-4056-4919-93f8-4a249b28df98" providerId="AD" clId="Web-{F81DAB6D-71D6-4762-8559-B5D2D61B16A3}" dt="2022-12-15T16:59:55.450" v="1409" actId="1076"/>
          <ac:graphicFrameMkLst>
            <pc:docMk/>
            <pc:sldMk cId="3949890615" sldId="290"/>
            <ac:graphicFrameMk id="9" creationId="{F73B73AD-CC82-156F-BCAE-4813A2DA4111}"/>
          </ac:graphicFrameMkLst>
        </pc:graphicFrameChg>
        <pc:picChg chg="add mod ord modCrop">
          <ac:chgData name="Emelie Westall Lundqvist" userId="S::s221956@dtu.dk::3a6c0c6b-4056-4919-93f8-4a249b28df98" providerId="AD" clId="Web-{F81DAB6D-71D6-4762-8559-B5D2D61B16A3}" dt="2022-12-15T16:59:53.262" v="1407" actId="1076"/>
          <ac:picMkLst>
            <pc:docMk/>
            <pc:sldMk cId="3949890615" sldId="290"/>
            <ac:picMk id="5" creationId="{7DDEFCA3-DCB2-7506-BEA6-41E16A3111AB}"/>
          </ac:picMkLst>
        </pc:picChg>
      </pc:sldChg>
    </pc:docChg>
  </pc:docChgLst>
  <pc:docChgLst>
    <pc:chgData name="Emelie Westall Lundqvist" userId="S::s221956@dtu.dk::3a6c0c6b-4056-4919-93f8-4a249b28df98" providerId="AD" clId="Web-{05F2F7DF-7EE8-1C2C-0F99-E8D3938CE045}"/>
    <pc:docChg chg="addSld delSld modSld">
      <pc:chgData name="Emelie Westall Lundqvist" userId="S::s221956@dtu.dk::3a6c0c6b-4056-4919-93f8-4a249b28df98" providerId="AD" clId="Web-{05F2F7DF-7EE8-1C2C-0F99-E8D3938CE045}" dt="2022-12-17T09:43:55.672" v="561" actId="14100"/>
      <pc:docMkLst>
        <pc:docMk/>
      </pc:docMkLst>
      <pc:sldChg chg="addSp delSp modSp">
        <pc:chgData name="Emelie Westall Lundqvist" userId="S::s221956@dtu.dk::3a6c0c6b-4056-4919-93f8-4a249b28df98" providerId="AD" clId="Web-{05F2F7DF-7EE8-1C2C-0F99-E8D3938CE045}" dt="2022-12-17T08:30:17.655" v="540" actId="20577"/>
        <pc:sldMkLst>
          <pc:docMk/>
          <pc:sldMk cId="2722807843" sldId="300"/>
        </pc:sldMkLst>
        <pc:spChg chg="add mod">
          <ac:chgData name="Emelie Westall Lundqvist" userId="S::s221956@dtu.dk::3a6c0c6b-4056-4919-93f8-4a249b28df98" providerId="AD" clId="Web-{05F2F7DF-7EE8-1C2C-0F99-E8D3938CE045}" dt="2022-12-17T08:30:17.655" v="540" actId="20577"/>
          <ac:spMkLst>
            <pc:docMk/>
            <pc:sldMk cId="2722807843" sldId="300"/>
            <ac:spMk id="5" creationId="{E0063133-201E-BC04-7A8B-4B488D35490C}"/>
          </ac:spMkLst>
        </pc:spChg>
        <pc:spChg chg="add mod">
          <ac:chgData name="Emelie Westall Lundqvist" userId="S::s221956@dtu.dk::3a6c0c6b-4056-4919-93f8-4a249b28df98" providerId="AD" clId="Web-{05F2F7DF-7EE8-1C2C-0F99-E8D3938CE045}" dt="2022-12-17T08:21:34.254" v="515" actId="1076"/>
          <ac:spMkLst>
            <pc:docMk/>
            <pc:sldMk cId="2722807843" sldId="300"/>
            <ac:spMk id="6" creationId="{DDEE221F-6296-EF81-8C5F-AFB542123A2D}"/>
          </ac:spMkLst>
        </pc:spChg>
        <pc:spChg chg="add mod">
          <ac:chgData name="Emelie Westall Lundqvist" userId="S::s221956@dtu.dk::3a6c0c6b-4056-4919-93f8-4a249b28df98" providerId="AD" clId="Web-{05F2F7DF-7EE8-1C2C-0F99-E8D3938CE045}" dt="2022-12-17T08:21:25.692" v="513" actId="1076"/>
          <ac:spMkLst>
            <pc:docMk/>
            <pc:sldMk cId="2722807843" sldId="300"/>
            <ac:spMk id="7" creationId="{49AF0621-8E05-C8C2-E9A6-C79E9F0AFAEE}"/>
          </ac:spMkLst>
        </pc:spChg>
        <pc:spChg chg="add mod">
          <ac:chgData name="Emelie Westall Lundqvist" userId="S::s221956@dtu.dk::3a6c0c6b-4056-4919-93f8-4a249b28df98" providerId="AD" clId="Web-{05F2F7DF-7EE8-1C2C-0F99-E8D3938CE045}" dt="2022-12-17T08:22:16.442" v="521" actId="20577"/>
          <ac:spMkLst>
            <pc:docMk/>
            <pc:sldMk cId="2722807843" sldId="300"/>
            <ac:spMk id="8" creationId="{EAB50784-7F65-8459-836C-3D9FC245C048}"/>
          </ac:spMkLst>
        </pc:spChg>
        <pc:spChg chg="mod">
          <ac:chgData name="Emelie Westall Lundqvist" userId="S::s221956@dtu.dk::3a6c0c6b-4056-4919-93f8-4a249b28df98" providerId="AD" clId="Web-{05F2F7DF-7EE8-1C2C-0F99-E8D3938CE045}" dt="2022-12-17T08:21:25.582" v="511" actId="1076"/>
          <ac:spMkLst>
            <pc:docMk/>
            <pc:sldMk cId="2722807843" sldId="300"/>
            <ac:spMk id="18" creationId="{693DA3B1-B9CC-6E9D-1251-301D2912F104}"/>
          </ac:spMkLst>
        </pc:spChg>
        <pc:spChg chg="del">
          <ac:chgData name="Emelie Westall Lundqvist" userId="S::s221956@dtu.dk::3a6c0c6b-4056-4919-93f8-4a249b28df98" providerId="AD" clId="Web-{05F2F7DF-7EE8-1C2C-0F99-E8D3938CE045}" dt="2022-12-17T07:52:50.940" v="32"/>
          <ac:spMkLst>
            <pc:docMk/>
            <pc:sldMk cId="2722807843" sldId="300"/>
            <ac:spMk id="19" creationId="{19B2EDC9-C24A-2BD2-8667-469482D6FF98}"/>
          </ac:spMkLst>
        </pc:spChg>
        <pc:picChg chg="add mod">
          <ac:chgData name="Emelie Westall Lundqvist" userId="S::s221956@dtu.dk::3a6c0c6b-4056-4919-93f8-4a249b28df98" providerId="AD" clId="Web-{05F2F7DF-7EE8-1C2C-0F99-E8D3938CE045}" dt="2022-12-17T08:21:25.692" v="512" actId="1076"/>
          <ac:picMkLst>
            <pc:docMk/>
            <pc:sldMk cId="2722807843" sldId="300"/>
            <ac:picMk id="3" creationId="{56B1932A-999D-A160-08FA-C443E63804BE}"/>
          </ac:picMkLst>
        </pc:picChg>
        <pc:picChg chg="add mod">
          <ac:chgData name="Emelie Westall Lundqvist" userId="S::s221956@dtu.dk::3a6c0c6b-4056-4919-93f8-4a249b28df98" providerId="AD" clId="Web-{05F2F7DF-7EE8-1C2C-0F99-E8D3938CE045}" dt="2022-12-17T08:29:15.732" v="529" actId="1076"/>
          <ac:picMkLst>
            <pc:docMk/>
            <pc:sldMk cId="2722807843" sldId="300"/>
            <ac:picMk id="9" creationId="{F9BAB189-56AE-D33D-8B6C-2DBE51EEFDC0}"/>
          </ac:picMkLst>
        </pc:picChg>
        <pc:picChg chg="del">
          <ac:chgData name="Emelie Westall Lundqvist" userId="S::s221956@dtu.dk::3a6c0c6b-4056-4919-93f8-4a249b28df98" providerId="AD" clId="Web-{05F2F7DF-7EE8-1C2C-0F99-E8D3938CE045}" dt="2022-12-17T07:49:36.842" v="1"/>
          <ac:picMkLst>
            <pc:docMk/>
            <pc:sldMk cId="2722807843" sldId="300"/>
            <ac:picMk id="13" creationId="{DD44C672-272A-AF0B-17E6-A73ED3731C9E}"/>
          </ac:picMkLst>
        </pc:picChg>
        <pc:picChg chg="del">
          <ac:chgData name="Emelie Westall Lundqvist" userId="S::s221956@dtu.dk::3a6c0c6b-4056-4919-93f8-4a249b28df98" providerId="AD" clId="Web-{05F2F7DF-7EE8-1C2C-0F99-E8D3938CE045}" dt="2022-12-17T07:52:51.689" v="33"/>
          <ac:picMkLst>
            <pc:docMk/>
            <pc:sldMk cId="2722807843" sldId="300"/>
            <ac:picMk id="14" creationId="{4EBC6445-55B4-8308-5793-5E9BD334A3AB}"/>
          </ac:picMkLst>
        </pc:picChg>
        <pc:picChg chg="del">
          <ac:chgData name="Emelie Westall Lundqvist" userId="S::s221956@dtu.dk::3a6c0c6b-4056-4919-93f8-4a249b28df98" providerId="AD" clId="Web-{05F2F7DF-7EE8-1C2C-0F99-E8D3938CE045}" dt="2022-12-17T07:52:52.424" v="34"/>
          <ac:picMkLst>
            <pc:docMk/>
            <pc:sldMk cId="2722807843" sldId="300"/>
            <ac:picMk id="15" creationId="{92A1AB10-F942-68FA-33B6-4CFA4498D318}"/>
          </ac:picMkLst>
        </pc:picChg>
        <pc:picChg chg="mod">
          <ac:chgData name="Emelie Westall Lundqvist" userId="S::s221956@dtu.dk::3a6c0c6b-4056-4919-93f8-4a249b28df98" providerId="AD" clId="Web-{05F2F7DF-7EE8-1C2C-0F99-E8D3938CE045}" dt="2022-12-17T08:29:10.779" v="527" actId="1076"/>
          <ac:picMkLst>
            <pc:docMk/>
            <pc:sldMk cId="2722807843" sldId="300"/>
            <ac:picMk id="16" creationId="{79D9DC11-D29F-E1BD-AD9F-A3426A4DCB55}"/>
          </ac:picMkLst>
        </pc:picChg>
      </pc:sldChg>
      <pc:sldChg chg="modSp">
        <pc:chgData name="Emelie Westall Lundqvist" userId="S::s221956@dtu.dk::3a6c0c6b-4056-4919-93f8-4a249b28df98" providerId="AD" clId="Web-{05F2F7DF-7EE8-1C2C-0F99-E8D3938CE045}" dt="2022-12-17T07:55:28.036" v="103" actId="20577"/>
        <pc:sldMkLst>
          <pc:docMk/>
          <pc:sldMk cId="3188776685" sldId="304"/>
        </pc:sldMkLst>
        <pc:spChg chg="mod">
          <ac:chgData name="Emelie Westall Lundqvist" userId="S::s221956@dtu.dk::3a6c0c6b-4056-4919-93f8-4a249b28df98" providerId="AD" clId="Web-{05F2F7DF-7EE8-1C2C-0F99-E8D3938CE045}" dt="2022-12-17T07:55:28.036" v="103" actId="20577"/>
          <ac:spMkLst>
            <pc:docMk/>
            <pc:sldMk cId="3188776685" sldId="304"/>
            <ac:spMk id="2" creationId="{164BAB01-7D3C-93D9-063D-D710160C25EF}"/>
          </ac:spMkLst>
        </pc:spChg>
      </pc:sldChg>
      <pc:sldChg chg="modSp">
        <pc:chgData name="Emelie Westall Lundqvist" userId="S::s221956@dtu.dk::3a6c0c6b-4056-4919-93f8-4a249b28df98" providerId="AD" clId="Web-{05F2F7DF-7EE8-1C2C-0F99-E8D3938CE045}" dt="2022-12-17T07:54:49.660" v="93" actId="1076"/>
        <pc:sldMkLst>
          <pc:docMk/>
          <pc:sldMk cId="4162553611" sldId="305"/>
        </pc:sldMkLst>
        <pc:spChg chg="mod">
          <ac:chgData name="Emelie Westall Lundqvist" userId="S::s221956@dtu.dk::3a6c0c6b-4056-4919-93f8-4a249b28df98" providerId="AD" clId="Web-{05F2F7DF-7EE8-1C2C-0F99-E8D3938CE045}" dt="2022-12-17T07:54:36.785" v="86" actId="20577"/>
          <ac:spMkLst>
            <pc:docMk/>
            <pc:sldMk cId="4162553611" sldId="305"/>
            <ac:spMk id="9" creationId="{FD7A3B12-8840-0549-9986-3038107BDF75}"/>
          </ac:spMkLst>
        </pc:spChg>
        <pc:spChg chg="mod">
          <ac:chgData name="Emelie Westall Lundqvist" userId="S::s221956@dtu.dk::3a6c0c6b-4056-4919-93f8-4a249b28df98" providerId="AD" clId="Web-{05F2F7DF-7EE8-1C2C-0F99-E8D3938CE045}" dt="2022-12-17T07:54:49.660" v="93" actId="1076"/>
          <ac:spMkLst>
            <pc:docMk/>
            <pc:sldMk cId="4162553611" sldId="305"/>
            <ac:spMk id="13" creationId="{9FD81746-0B0A-D0F2-47E1-54663AFAE383}"/>
          </ac:spMkLst>
        </pc:spChg>
      </pc:sldChg>
      <pc:sldChg chg="new del">
        <pc:chgData name="Emelie Westall Lundqvist" userId="S::s221956@dtu.dk::3a6c0c6b-4056-4919-93f8-4a249b28df98" providerId="AD" clId="Web-{05F2F7DF-7EE8-1C2C-0F99-E8D3938CE045}" dt="2022-12-17T07:52:07.079" v="4"/>
        <pc:sldMkLst>
          <pc:docMk/>
          <pc:sldMk cId="860102475" sldId="306"/>
        </pc:sldMkLst>
      </pc:sldChg>
      <pc:sldChg chg="addSp delSp modSp add replId">
        <pc:chgData name="Emelie Westall Lundqvist" userId="S::s221956@dtu.dk::3a6c0c6b-4056-4919-93f8-4a249b28df98" providerId="AD" clId="Web-{05F2F7DF-7EE8-1C2C-0F99-E8D3938CE045}" dt="2022-12-17T09:43:55.672" v="561" actId="14100"/>
        <pc:sldMkLst>
          <pc:docMk/>
          <pc:sldMk cId="4113698000" sldId="306"/>
        </pc:sldMkLst>
        <pc:spChg chg="mod">
          <ac:chgData name="Emelie Westall Lundqvist" userId="S::s221956@dtu.dk::3a6c0c6b-4056-4919-93f8-4a249b28df98" providerId="AD" clId="Web-{05F2F7DF-7EE8-1C2C-0F99-E8D3938CE045}" dt="2022-12-17T07:52:22.095" v="17" actId="20577"/>
          <ac:spMkLst>
            <pc:docMk/>
            <pc:sldMk cId="4113698000" sldId="306"/>
            <ac:spMk id="2" creationId="{164BAB01-7D3C-93D9-063D-D710160C25EF}"/>
          </ac:spMkLst>
        </pc:spChg>
        <pc:spChg chg="add mod">
          <ac:chgData name="Emelie Westall Lundqvist" userId="S::s221956@dtu.dk::3a6c0c6b-4056-4919-93f8-4a249b28df98" providerId="AD" clId="Web-{05F2F7DF-7EE8-1C2C-0F99-E8D3938CE045}" dt="2022-12-17T09:41:25.610" v="550" actId="1076"/>
          <ac:spMkLst>
            <pc:docMk/>
            <pc:sldMk cId="4113698000" sldId="306"/>
            <ac:spMk id="3" creationId="{D5B4B38F-42E9-B561-796A-9B1E8FB7F60A}"/>
          </ac:spMkLst>
        </pc:spChg>
        <pc:spChg chg="add del mod">
          <ac:chgData name="Emelie Westall Lundqvist" userId="S::s221956@dtu.dk::3a6c0c6b-4056-4919-93f8-4a249b28df98" providerId="AD" clId="Web-{05F2F7DF-7EE8-1C2C-0F99-E8D3938CE045}" dt="2022-12-17T08:11:29.100" v="365"/>
          <ac:spMkLst>
            <pc:docMk/>
            <pc:sldMk cId="4113698000" sldId="306"/>
            <ac:spMk id="5" creationId="{DF97C399-179A-3DAC-D41E-BCEB619DAC34}"/>
          </ac:spMkLst>
        </pc:spChg>
        <pc:spChg chg="add mod">
          <ac:chgData name="Emelie Westall Lundqvist" userId="S::s221956@dtu.dk::3a6c0c6b-4056-4919-93f8-4a249b28df98" providerId="AD" clId="Web-{05F2F7DF-7EE8-1C2C-0F99-E8D3938CE045}" dt="2022-12-17T09:41:35.923" v="552" actId="1076"/>
          <ac:spMkLst>
            <pc:docMk/>
            <pc:sldMk cId="4113698000" sldId="306"/>
            <ac:spMk id="5" creationId="{E30610F1-0C6C-DFBD-460A-38F956EE7F3C}"/>
          </ac:spMkLst>
        </pc:spChg>
        <pc:spChg chg="add mod">
          <ac:chgData name="Emelie Westall Lundqvist" userId="S::s221956@dtu.dk::3a6c0c6b-4056-4919-93f8-4a249b28df98" providerId="AD" clId="Web-{05F2F7DF-7EE8-1C2C-0F99-E8D3938CE045}" dt="2022-12-17T08:15:38.857" v="447" actId="1076"/>
          <ac:spMkLst>
            <pc:docMk/>
            <pc:sldMk cId="4113698000" sldId="306"/>
            <ac:spMk id="6" creationId="{E1794BC6-D153-6BAA-1484-20939995FCA5}"/>
          </ac:spMkLst>
        </pc:spChg>
        <pc:spChg chg="add">
          <ac:chgData name="Emelie Westall Lundqvist" userId="S::s221956@dtu.dk::3a6c0c6b-4056-4919-93f8-4a249b28df98" providerId="AD" clId="Web-{05F2F7DF-7EE8-1C2C-0F99-E8D3938CE045}" dt="2022-12-17T08:16:22.139" v="458"/>
          <ac:spMkLst>
            <pc:docMk/>
            <pc:sldMk cId="4113698000" sldId="306"/>
            <ac:spMk id="7" creationId="{60FC8BE2-C8FE-296C-23DB-71E79AAA201C}"/>
          </ac:spMkLst>
        </pc:spChg>
        <pc:spChg chg="add mod">
          <ac:chgData name="Emelie Westall Lundqvist" userId="S::s221956@dtu.dk::3a6c0c6b-4056-4919-93f8-4a249b28df98" providerId="AD" clId="Web-{05F2F7DF-7EE8-1C2C-0F99-E8D3938CE045}" dt="2022-12-17T08:19:57.440" v="496" actId="20577"/>
          <ac:spMkLst>
            <pc:docMk/>
            <pc:sldMk cId="4113698000" sldId="306"/>
            <ac:spMk id="8" creationId="{6E9116A5-6AA9-43F6-BA9C-8A35E6B155C5}"/>
          </ac:spMkLst>
        </pc:spChg>
        <pc:spChg chg="del">
          <ac:chgData name="Emelie Westall Lundqvist" userId="S::s221956@dtu.dk::3a6c0c6b-4056-4919-93f8-4a249b28df98" providerId="AD" clId="Web-{05F2F7DF-7EE8-1C2C-0F99-E8D3938CE045}" dt="2022-12-17T07:52:15.079" v="8"/>
          <ac:spMkLst>
            <pc:docMk/>
            <pc:sldMk cId="4113698000" sldId="306"/>
            <ac:spMk id="18" creationId="{693DA3B1-B9CC-6E9D-1251-301D2912F104}"/>
          </ac:spMkLst>
        </pc:spChg>
        <pc:spChg chg="del mod">
          <ac:chgData name="Emelie Westall Lundqvist" userId="S::s221956@dtu.dk::3a6c0c6b-4056-4919-93f8-4a249b28df98" providerId="AD" clId="Web-{05F2F7DF-7EE8-1C2C-0F99-E8D3938CE045}" dt="2022-12-17T07:52:25.595" v="19"/>
          <ac:spMkLst>
            <pc:docMk/>
            <pc:sldMk cId="4113698000" sldId="306"/>
            <ac:spMk id="19" creationId="{19B2EDC9-C24A-2BD2-8667-469482D6FF98}"/>
          </ac:spMkLst>
        </pc:spChg>
        <pc:picChg chg="del">
          <ac:chgData name="Emelie Westall Lundqvist" userId="S::s221956@dtu.dk::3a6c0c6b-4056-4919-93f8-4a249b28df98" providerId="AD" clId="Web-{05F2F7DF-7EE8-1C2C-0F99-E8D3938CE045}" dt="2022-12-17T07:52:13.408" v="7"/>
          <ac:picMkLst>
            <pc:docMk/>
            <pc:sldMk cId="4113698000" sldId="306"/>
            <ac:picMk id="3" creationId="{56B1932A-999D-A160-08FA-C443E63804BE}"/>
          </ac:picMkLst>
        </pc:picChg>
        <pc:picChg chg="mod">
          <ac:chgData name="Emelie Westall Lundqvist" userId="S::s221956@dtu.dk::3a6c0c6b-4056-4919-93f8-4a249b28df98" providerId="AD" clId="Web-{05F2F7DF-7EE8-1C2C-0F99-E8D3938CE045}" dt="2022-12-17T09:41:12.720" v="547" actId="1076"/>
          <ac:picMkLst>
            <pc:docMk/>
            <pc:sldMk cId="4113698000" sldId="306"/>
            <ac:picMk id="14" creationId="{4EBC6445-55B4-8308-5793-5E9BD334A3AB}"/>
          </ac:picMkLst>
        </pc:picChg>
        <pc:picChg chg="mod">
          <ac:chgData name="Emelie Westall Lundqvist" userId="S::s221956@dtu.dk::3a6c0c6b-4056-4919-93f8-4a249b28df98" providerId="AD" clId="Web-{05F2F7DF-7EE8-1C2C-0F99-E8D3938CE045}" dt="2022-12-17T09:43:55.672" v="561" actId="14100"/>
          <ac:picMkLst>
            <pc:docMk/>
            <pc:sldMk cId="4113698000" sldId="306"/>
            <ac:picMk id="15" creationId="{92A1AB10-F942-68FA-33B6-4CFA4498D318}"/>
          </ac:picMkLst>
        </pc:picChg>
        <pc:picChg chg="del">
          <ac:chgData name="Emelie Westall Lundqvist" userId="S::s221956@dtu.dk::3a6c0c6b-4056-4919-93f8-4a249b28df98" providerId="AD" clId="Web-{05F2F7DF-7EE8-1C2C-0F99-E8D3938CE045}" dt="2022-12-17T07:52:11.986" v="6"/>
          <ac:picMkLst>
            <pc:docMk/>
            <pc:sldMk cId="4113698000" sldId="306"/>
            <ac:picMk id="16" creationId="{79D9DC11-D29F-E1BD-AD9F-A3426A4DCB55}"/>
          </ac:picMkLst>
        </pc:picChg>
        <pc:cxnChg chg="add mod">
          <ac:chgData name="Emelie Westall Lundqvist" userId="S::s221956@dtu.dk::3a6c0c6b-4056-4919-93f8-4a249b28df98" providerId="AD" clId="Web-{05F2F7DF-7EE8-1C2C-0F99-E8D3938CE045}" dt="2022-12-17T09:41:48.688" v="556"/>
          <ac:cxnSpMkLst>
            <pc:docMk/>
            <pc:sldMk cId="4113698000" sldId="306"/>
            <ac:cxnSpMk id="9" creationId="{A314C5D7-9119-FF91-66A3-8315ECB5C695}"/>
          </ac:cxnSpMkLst>
        </pc:cxnChg>
        <pc:cxnChg chg="add mod">
          <ac:chgData name="Emelie Westall Lundqvist" userId="S::s221956@dtu.dk::3a6c0c6b-4056-4919-93f8-4a249b28df98" providerId="AD" clId="Web-{05F2F7DF-7EE8-1C2C-0F99-E8D3938CE045}" dt="2022-12-17T09:43:38.563" v="560" actId="14100"/>
          <ac:cxnSpMkLst>
            <pc:docMk/>
            <pc:sldMk cId="4113698000" sldId="306"/>
            <ac:cxnSpMk id="10" creationId="{1D5E697A-D36B-B842-EF58-EBCAC94F2C4C}"/>
          </ac:cxnSpMkLst>
        </pc:cxnChg>
      </pc:sldChg>
    </pc:docChg>
  </pc:docChgLst>
  <pc:docChgLst>
    <pc:chgData name="Emelie Westall Lundqvist" userId="S::s221956@dtu.dk::3a6c0c6b-4056-4919-93f8-4a249b28df98" providerId="AD" clId="Web-{48512428-E534-412D-970E-66E866CD4475}"/>
    <pc:docChg chg="addSld modSld">
      <pc:chgData name="Emelie Westall Lundqvist" userId="S::s221956@dtu.dk::3a6c0c6b-4056-4919-93f8-4a249b28df98" providerId="AD" clId="Web-{48512428-E534-412D-970E-66E866CD4475}" dt="2022-12-17T14:29:07.241" v="74"/>
      <pc:docMkLst>
        <pc:docMk/>
      </pc:docMkLst>
      <pc:sldChg chg="addSp modSp">
        <pc:chgData name="Emelie Westall Lundqvist" userId="S::s221956@dtu.dk::3a6c0c6b-4056-4919-93f8-4a249b28df98" providerId="AD" clId="Web-{48512428-E534-412D-970E-66E866CD4475}" dt="2022-12-17T14:29:07.241" v="74"/>
        <pc:sldMkLst>
          <pc:docMk/>
          <pc:sldMk cId="2950204296" sldId="291"/>
        </pc:sldMkLst>
        <pc:spChg chg="add">
          <ac:chgData name="Emelie Westall Lundqvist" userId="S::s221956@dtu.dk::3a6c0c6b-4056-4919-93f8-4a249b28df98" providerId="AD" clId="Web-{48512428-E534-412D-970E-66E866CD4475}" dt="2022-12-17T14:29:01.600" v="73"/>
          <ac:spMkLst>
            <pc:docMk/>
            <pc:sldMk cId="2950204296" sldId="291"/>
            <ac:spMk id="2" creationId="{0C35178F-875E-0B11-8EAA-E1C5D0828418}"/>
          </ac:spMkLst>
        </pc:spChg>
        <pc:spChg chg="mod">
          <ac:chgData name="Emelie Westall Lundqvist" userId="S::s221956@dtu.dk::3a6c0c6b-4056-4919-93f8-4a249b28df98" providerId="AD" clId="Web-{48512428-E534-412D-970E-66E866CD4475}" dt="2022-12-17T14:28:39.632" v="63" actId="1076"/>
          <ac:spMkLst>
            <pc:docMk/>
            <pc:sldMk cId="2950204296" sldId="291"/>
            <ac:spMk id="3" creationId="{89E26569-BA16-7E1E-ACF2-21DBA23C3713}"/>
          </ac:spMkLst>
        </pc:spChg>
        <pc:spChg chg="add">
          <ac:chgData name="Emelie Westall Lundqvist" userId="S::s221956@dtu.dk::3a6c0c6b-4056-4919-93f8-4a249b28df98" providerId="AD" clId="Web-{48512428-E534-412D-970E-66E866CD4475}" dt="2022-12-17T14:29:07.241" v="74"/>
          <ac:spMkLst>
            <pc:docMk/>
            <pc:sldMk cId="2950204296" sldId="291"/>
            <ac:spMk id="5" creationId="{6EF6D8F3-B1C1-178D-57B8-17015FC11E99}"/>
          </ac:spMkLst>
        </pc:spChg>
      </pc:sldChg>
      <pc:sldChg chg="modSp">
        <pc:chgData name="Emelie Westall Lundqvist" userId="S::s221956@dtu.dk::3a6c0c6b-4056-4919-93f8-4a249b28df98" providerId="AD" clId="Web-{48512428-E534-412D-970E-66E866CD4475}" dt="2022-12-17T14:04:10.501" v="53" actId="20577"/>
        <pc:sldMkLst>
          <pc:docMk/>
          <pc:sldMk cId="295041497" sldId="301"/>
        </pc:sldMkLst>
        <pc:spChg chg="mod">
          <ac:chgData name="Emelie Westall Lundqvist" userId="S::s221956@dtu.dk::3a6c0c6b-4056-4919-93f8-4a249b28df98" providerId="AD" clId="Web-{48512428-E534-412D-970E-66E866CD4475}" dt="2022-12-17T14:04:10.501" v="53" actId="20577"/>
          <ac:spMkLst>
            <pc:docMk/>
            <pc:sldMk cId="295041497" sldId="301"/>
            <ac:spMk id="13" creationId="{5075C9F8-F90E-501A-6E9F-347CBF079311}"/>
          </ac:spMkLst>
        </pc:spChg>
      </pc:sldChg>
      <pc:sldChg chg="modSp">
        <pc:chgData name="Emelie Westall Lundqvist" userId="S::s221956@dtu.dk::3a6c0c6b-4056-4919-93f8-4a249b28df98" providerId="AD" clId="Web-{48512428-E534-412D-970E-66E866CD4475}" dt="2022-12-17T14:20:43.975" v="55" actId="20577"/>
        <pc:sldMkLst>
          <pc:docMk/>
          <pc:sldMk cId="3188776685" sldId="304"/>
        </pc:sldMkLst>
        <pc:spChg chg="mod">
          <ac:chgData name="Emelie Westall Lundqvist" userId="S::s221956@dtu.dk::3a6c0c6b-4056-4919-93f8-4a249b28df98" providerId="AD" clId="Web-{48512428-E534-412D-970E-66E866CD4475}" dt="2022-12-17T14:20:43.975" v="55" actId="20577"/>
          <ac:spMkLst>
            <pc:docMk/>
            <pc:sldMk cId="3188776685" sldId="304"/>
            <ac:spMk id="10" creationId="{557224BB-207D-A9DF-54E9-06F7B580B4C9}"/>
          </ac:spMkLst>
        </pc:spChg>
      </pc:sldChg>
      <pc:sldChg chg="modNotes">
        <pc:chgData name="Emelie Westall Lundqvist" userId="S::s221956@dtu.dk::3a6c0c6b-4056-4919-93f8-4a249b28df98" providerId="AD" clId="Web-{48512428-E534-412D-970E-66E866CD4475}" dt="2022-12-17T14:20:56.038" v="57"/>
        <pc:sldMkLst>
          <pc:docMk/>
          <pc:sldMk cId="4113698000" sldId="306"/>
        </pc:sldMkLst>
      </pc:sldChg>
      <pc:sldChg chg="modNotes">
        <pc:chgData name="Emelie Westall Lundqvist" userId="S::s221956@dtu.dk::3a6c0c6b-4056-4919-93f8-4a249b28df98" providerId="AD" clId="Web-{48512428-E534-412D-970E-66E866CD4475}" dt="2022-12-17T14:03:21.173" v="27"/>
        <pc:sldMkLst>
          <pc:docMk/>
          <pc:sldMk cId="3359640937" sldId="307"/>
        </pc:sldMkLst>
      </pc:sldChg>
      <pc:sldChg chg="modSp new">
        <pc:chgData name="Emelie Westall Lundqvist" userId="S::s221956@dtu.dk::3a6c0c6b-4056-4919-93f8-4a249b28df98" providerId="AD" clId="Web-{48512428-E534-412D-970E-66E866CD4475}" dt="2022-12-17T14:28:49.928" v="72" actId="20577"/>
        <pc:sldMkLst>
          <pc:docMk/>
          <pc:sldMk cId="1527060390" sldId="308"/>
        </pc:sldMkLst>
        <pc:spChg chg="mod">
          <ac:chgData name="Emelie Westall Lundqvist" userId="S::s221956@dtu.dk::3a6c0c6b-4056-4919-93f8-4a249b28df98" providerId="AD" clId="Web-{48512428-E534-412D-970E-66E866CD4475}" dt="2022-12-17T14:28:49.928" v="72" actId="20577"/>
          <ac:spMkLst>
            <pc:docMk/>
            <pc:sldMk cId="1527060390" sldId="308"/>
            <ac:spMk id="2" creationId="{6A14B4CA-F99D-0997-F41E-82331D69D4B1}"/>
          </ac:spMkLst>
        </pc:spChg>
      </pc:sldChg>
    </pc:docChg>
  </pc:docChgLst>
  <pc:docChgLst>
    <pc:chgData name="Emelie Westall Lundqvist" userId="S::s221956@dtu.dk::3a6c0c6b-4056-4919-93f8-4a249b28df98" providerId="AD" clId="Web-{E876495F-A2D4-ADEA-6005-87922259A0AD}"/>
    <pc:docChg chg="delSld modSld sldOrd addMainMaster delMainMaster">
      <pc:chgData name="Emelie Westall Lundqvist" userId="S::s221956@dtu.dk::3a6c0c6b-4056-4919-93f8-4a249b28df98" providerId="AD" clId="Web-{E876495F-A2D4-ADEA-6005-87922259A0AD}" dt="2022-12-17T14:53:47.915" v="563" actId="20577"/>
      <pc:docMkLst>
        <pc:docMk/>
      </pc:docMkLst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2425252323" sldId="257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425252323" sldId="257"/>
            <ac:spMk id="2" creationId="{E6DB5006-1173-97E8-43B5-5235D6F6BAC4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425252323" sldId="257"/>
            <ac:spMk id="3" creationId="{F9C49C08-8DE7-69EE-C40C-39BCDE111687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425252323" sldId="257"/>
            <ac:spMk id="4" creationId="{1D9012EA-8222-C771-D854-B0D0887B460A}"/>
          </ac:spMkLst>
        </pc:spChg>
      </pc:sldChg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892329127" sldId="286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892329127" sldId="286"/>
            <ac:spMk id="2" creationId="{762624DE-8F8C-B4CA-6B32-90F40E5D4A78}"/>
          </ac:spMkLst>
        </pc:spChg>
      </pc:sldChg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3949890615" sldId="290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3949890615" sldId="290"/>
            <ac:spMk id="4" creationId="{85BE02BF-920D-F785-1990-28A9F9555ACA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3949890615" sldId="290"/>
            <ac:spMk id="21" creationId="{C147D2DB-7986-573E-21B9-25DF12F18C78}"/>
          </ac:spMkLst>
        </pc:spChg>
        <pc:picChg chg="mod ord">
          <ac:chgData name="Emelie Westall Lundqvist" userId="S::s221956@dtu.dk::3a6c0c6b-4056-4919-93f8-4a249b28df98" providerId="AD" clId="Web-{E876495F-A2D4-ADEA-6005-87922259A0AD}" dt="2022-12-17T14:48:25.728" v="502"/>
          <ac:picMkLst>
            <pc:docMk/>
            <pc:sldMk cId="3949890615" sldId="290"/>
            <ac:picMk id="5" creationId="{7DDEFCA3-DCB2-7506-BEA6-41E16A3111AB}"/>
          </ac:picMkLst>
        </pc:picChg>
      </pc:sldChg>
      <pc:sldChg chg="addSp delSp modSp mod modClrScheme chgLayout">
        <pc:chgData name="Emelie Westall Lundqvist" userId="S::s221956@dtu.dk::3a6c0c6b-4056-4919-93f8-4a249b28df98" providerId="AD" clId="Web-{E876495F-A2D4-ADEA-6005-87922259A0AD}" dt="2022-12-17T14:53:27.009" v="552" actId="20577"/>
        <pc:sldMkLst>
          <pc:docMk/>
          <pc:sldMk cId="2950204296" sldId="291"/>
        </pc:sldMkLst>
        <pc:spChg chg="del mod">
          <ac:chgData name="Emelie Westall Lundqvist" userId="S::s221956@dtu.dk::3a6c0c6b-4056-4919-93f8-4a249b28df98" providerId="AD" clId="Web-{E876495F-A2D4-ADEA-6005-87922259A0AD}" dt="2022-12-17T14:31:35.277" v="18"/>
          <ac:spMkLst>
            <pc:docMk/>
            <pc:sldMk cId="2950204296" sldId="291"/>
            <ac:spMk id="2" creationId="{0C35178F-875E-0B11-8EAA-E1C5D0828418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950204296" sldId="291"/>
            <ac:spMk id="3" creationId="{89E26569-BA16-7E1E-ACF2-21DBA23C3713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950204296" sldId="291"/>
            <ac:spMk id="4" creationId="{622AA495-CAC4-8173-E96C-3014578708ED}"/>
          </ac:spMkLst>
        </pc:spChg>
        <pc:spChg chg="del">
          <ac:chgData name="Emelie Westall Lundqvist" userId="S::s221956@dtu.dk::3a6c0c6b-4056-4919-93f8-4a249b28df98" providerId="AD" clId="Web-{E876495F-A2D4-ADEA-6005-87922259A0AD}" dt="2022-12-17T14:30:04.793" v="0"/>
          <ac:spMkLst>
            <pc:docMk/>
            <pc:sldMk cId="2950204296" sldId="291"/>
            <ac:spMk id="5" creationId="{6EF6D8F3-B1C1-178D-57B8-17015FC11E99}"/>
          </ac:spMkLst>
        </pc:spChg>
        <pc:spChg chg="del">
          <ac:chgData name="Emelie Westall Lundqvist" userId="S::s221956@dtu.dk::3a6c0c6b-4056-4919-93f8-4a249b28df98" providerId="AD" clId="Web-{E876495F-A2D4-ADEA-6005-87922259A0AD}" dt="2022-12-17T14:30:27.339" v="8"/>
          <ac:spMkLst>
            <pc:docMk/>
            <pc:sldMk cId="2950204296" sldId="291"/>
            <ac:spMk id="6" creationId="{BEBD2B5D-B1B7-8804-2DFF-6FC100134774}"/>
          </ac:spMkLst>
        </pc:spChg>
        <pc:spChg chg="add del mod">
          <ac:chgData name="Emelie Westall Lundqvist" userId="S::s221956@dtu.dk::3a6c0c6b-4056-4919-93f8-4a249b28df98" providerId="AD" clId="Web-{E876495F-A2D4-ADEA-6005-87922259A0AD}" dt="2022-12-17T14:31:33.058" v="16"/>
          <ac:spMkLst>
            <pc:docMk/>
            <pc:sldMk cId="2950204296" sldId="291"/>
            <ac:spMk id="7" creationId="{3A38B403-63B1-B35B-AF05-32C5FF21C5DE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950204296" sldId="291"/>
            <ac:spMk id="9" creationId="{6D7B45B7-3FFF-6874-0FED-88BB7D81D986}"/>
          </ac:spMkLst>
        </pc:spChg>
        <pc:spChg chg="del">
          <ac:chgData name="Emelie Westall Lundqvist" userId="S::s221956@dtu.dk::3a6c0c6b-4056-4919-93f8-4a249b28df98" providerId="AD" clId="Web-{E876495F-A2D4-ADEA-6005-87922259A0AD}" dt="2022-12-17T14:30:25.793" v="7"/>
          <ac:spMkLst>
            <pc:docMk/>
            <pc:sldMk cId="2950204296" sldId="291"/>
            <ac:spMk id="11" creationId="{118B8677-A3E2-401F-4261-EE74FC2D22E9}"/>
          </ac:spMkLst>
        </pc:spChg>
        <pc:spChg chg="add del mod">
          <ac:chgData name="Emelie Westall Lundqvist" userId="S::s221956@dtu.dk::3a6c0c6b-4056-4919-93f8-4a249b28df98" providerId="AD" clId="Web-{E876495F-A2D4-ADEA-6005-87922259A0AD}" dt="2022-12-17T14:35:35.839" v="120"/>
          <ac:spMkLst>
            <pc:docMk/>
            <pc:sldMk cId="2950204296" sldId="291"/>
            <ac:spMk id="930" creationId="{474E013F-429B-F3CC-2E28-D12DF5AC32C2}"/>
          </ac:spMkLst>
        </pc:spChg>
        <pc:spChg chg="add del mod">
          <ac:chgData name="Emelie Westall Lundqvist" userId="S::s221956@dtu.dk::3a6c0c6b-4056-4919-93f8-4a249b28df98" providerId="AD" clId="Web-{E876495F-A2D4-ADEA-6005-87922259A0AD}" dt="2022-12-17T14:35:36.855" v="121"/>
          <ac:spMkLst>
            <pc:docMk/>
            <pc:sldMk cId="2950204296" sldId="291"/>
            <ac:spMk id="931" creationId="{D4E5C5EC-AC9C-7F3F-D724-92C9BB817646}"/>
          </ac:spMkLst>
        </pc:spChg>
        <pc:spChg chg="add del mod">
          <ac:chgData name="Emelie Westall Lundqvist" userId="S::s221956@dtu.dk::3a6c0c6b-4056-4919-93f8-4a249b28df98" providerId="AD" clId="Web-{E876495F-A2D4-ADEA-6005-87922259A0AD}" dt="2022-12-17T14:38:57.047" v="235"/>
          <ac:spMkLst>
            <pc:docMk/>
            <pc:sldMk cId="2950204296" sldId="291"/>
            <ac:spMk id="1709" creationId="{7217E461-5FB7-D19D-53C6-C32D0CF93FAA}"/>
          </ac:spMkLst>
        </pc:spChg>
        <pc:spChg chg="add mod">
          <ac:chgData name="Emelie Westall Lundqvist" userId="S::s221956@dtu.dk::3a6c0c6b-4056-4919-93f8-4a249b28df98" providerId="AD" clId="Web-{E876495F-A2D4-ADEA-6005-87922259A0AD}" dt="2022-12-17T14:39:35.641" v="253" actId="1076"/>
          <ac:spMkLst>
            <pc:docMk/>
            <pc:sldMk cId="2950204296" sldId="291"/>
            <ac:spMk id="1710" creationId="{947812A3-10FC-C113-52AC-276A93191960}"/>
          </ac:spMkLst>
        </pc:spChg>
        <pc:spChg chg="add mod">
          <ac:chgData name="Emelie Westall Lundqvist" userId="S::s221956@dtu.dk::3a6c0c6b-4056-4919-93f8-4a249b28df98" providerId="AD" clId="Web-{E876495F-A2D4-ADEA-6005-87922259A0AD}" dt="2022-12-17T14:40:26.522" v="286" actId="20577"/>
          <ac:spMkLst>
            <pc:docMk/>
            <pc:sldMk cId="2950204296" sldId="291"/>
            <ac:spMk id="1711" creationId="{7C028BAF-7F17-A113-3E54-537EE7CD0A41}"/>
          </ac:spMkLst>
        </pc:spChg>
        <pc:spChg chg="add mod">
          <ac:chgData name="Emelie Westall Lundqvist" userId="S::s221956@dtu.dk::3a6c0c6b-4056-4919-93f8-4a249b28df98" providerId="AD" clId="Web-{E876495F-A2D4-ADEA-6005-87922259A0AD}" dt="2022-12-17T14:40:29.740" v="287" actId="20577"/>
          <ac:spMkLst>
            <pc:docMk/>
            <pc:sldMk cId="2950204296" sldId="291"/>
            <ac:spMk id="1712" creationId="{DC533153-EAB7-E541-73D4-2E2DB8C7F222}"/>
          </ac:spMkLst>
        </pc:spChg>
        <pc:spChg chg="add mod">
          <ac:chgData name="Emelie Westall Lundqvist" userId="S::s221956@dtu.dk::3a6c0c6b-4056-4919-93f8-4a249b28df98" providerId="AD" clId="Web-{E876495F-A2D4-ADEA-6005-87922259A0AD}" dt="2022-12-17T14:43:39.259" v="325" actId="14100"/>
          <ac:spMkLst>
            <pc:docMk/>
            <pc:sldMk cId="2950204296" sldId="291"/>
            <ac:spMk id="1713" creationId="{F4C6AADC-1A76-53D7-0FCA-1ADC8E36C0B0}"/>
          </ac:spMkLst>
        </pc:spChg>
        <pc:spChg chg="add mod">
          <ac:chgData name="Emelie Westall Lundqvist" userId="S::s221956@dtu.dk::3a6c0c6b-4056-4919-93f8-4a249b28df98" providerId="AD" clId="Web-{E876495F-A2D4-ADEA-6005-87922259A0AD}" dt="2022-12-17T14:44:01.571" v="355" actId="20577"/>
          <ac:spMkLst>
            <pc:docMk/>
            <pc:sldMk cId="2950204296" sldId="291"/>
            <ac:spMk id="1714" creationId="{8820E4CA-3592-F068-C89C-F4141A983FBC}"/>
          </ac:spMkLst>
        </pc:spChg>
        <pc:graphicFrameChg chg="add del mod modGraphic">
          <ac:chgData name="Emelie Westall Lundqvist" userId="S::s221956@dtu.dk::3a6c0c6b-4056-4919-93f8-4a249b28df98" providerId="AD" clId="Web-{E876495F-A2D4-ADEA-6005-87922259A0AD}" dt="2022-12-17T14:31:01.933" v="12"/>
          <ac:graphicFrameMkLst>
            <pc:docMk/>
            <pc:sldMk cId="2950204296" sldId="291"/>
            <ac:graphicFrameMk id="8" creationId="{4F01EE05-923A-DD88-FF29-5E5F24B177C9}"/>
          </ac:graphicFrameMkLst>
        </pc:graphicFrameChg>
        <pc:graphicFrameChg chg="add del mod modGraphic">
          <ac:chgData name="Emelie Westall Lundqvist" userId="S::s221956@dtu.dk::3a6c0c6b-4056-4919-93f8-4a249b28df98" providerId="AD" clId="Web-{E876495F-A2D4-ADEA-6005-87922259A0AD}" dt="2022-12-17T14:31:19.355" v="14"/>
          <ac:graphicFrameMkLst>
            <pc:docMk/>
            <pc:sldMk cId="2950204296" sldId="291"/>
            <ac:graphicFrameMk id="18" creationId="{62E71B05-4CE7-DFC5-6BC1-E599BE0A107B}"/>
          </ac:graphicFrameMkLst>
        </pc:graphicFrameChg>
        <pc:graphicFrameChg chg="add del mod modGraphic">
          <ac:chgData name="Emelie Westall Lundqvist" userId="S::s221956@dtu.dk::3a6c0c6b-4056-4919-93f8-4a249b28df98" providerId="AD" clId="Web-{E876495F-A2D4-ADEA-6005-87922259A0AD}" dt="2022-12-17T14:31:37.464" v="20"/>
          <ac:graphicFrameMkLst>
            <pc:docMk/>
            <pc:sldMk cId="2950204296" sldId="291"/>
            <ac:graphicFrameMk id="29" creationId="{3882693A-4FCD-DD5A-5D07-B260667562C0}"/>
          </ac:graphicFrameMkLst>
        </pc:graphicFrameChg>
        <pc:graphicFrameChg chg="add del mod modGraphic">
          <ac:chgData name="Emelie Westall Lundqvist" userId="S::s221956@dtu.dk::3a6c0c6b-4056-4919-93f8-4a249b28df98" providerId="AD" clId="Web-{E876495F-A2D4-ADEA-6005-87922259A0AD}" dt="2022-12-17T14:32:07.980" v="40"/>
          <ac:graphicFrameMkLst>
            <pc:docMk/>
            <pc:sldMk cId="2950204296" sldId="291"/>
            <ac:graphicFrameMk id="84" creationId="{721BF214-44E0-39D6-204D-AB8E0A69DB9C}"/>
          </ac:graphicFrameMkLst>
        </pc:graphicFrameChg>
        <pc:graphicFrameChg chg="add del mod modGraphic">
          <ac:chgData name="Emelie Westall Lundqvist" userId="S::s221956@dtu.dk::3a6c0c6b-4056-4919-93f8-4a249b28df98" providerId="AD" clId="Web-{E876495F-A2D4-ADEA-6005-87922259A0AD}" dt="2022-12-17T14:35:11.605" v="115"/>
          <ac:graphicFrameMkLst>
            <pc:docMk/>
            <pc:sldMk cId="2950204296" sldId="291"/>
            <ac:graphicFrameMk id="241" creationId="{4AC545ED-1498-722A-2052-0122C59F3E1E}"/>
          </ac:graphicFrameMkLst>
        </pc:graphicFrameChg>
        <pc:graphicFrameChg chg="add del mod modGraphic">
          <ac:chgData name="Emelie Westall Lundqvist" userId="S::s221956@dtu.dk::3a6c0c6b-4056-4919-93f8-4a249b28df98" providerId="AD" clId="Web-{E876495F-A2D4-ADEA-6005-87922259A0AD}" dt="2022-12-17T14:35:56.872" v="123"/>
          <ac:graphicFrameMkLst>
            <pc:docMk/>
            <pc:sldMk cId="2950204296" sldId="291"/>
            <ac:graphicFrameMk id="932" creationId="{7947D194-20CE-BAAC-82AD-1911D19BF596}"/>
          </ac:graphicFrameMkLst>
        </pc:graphicFrameChg>
        <pc:graphicFrameChg chg="add del mod modGraphic">
          <ac:chgData name="Emelie Westall Lundqvist" userId="S::s221956@dtu.dk::3a6c0c6b-4056-4919-93f8-4a249b28df98" providerId="AD" clId="Web-{E876495F-A2D4-ADEA-6005-87922259A0AD}" dt="2022-12-17T14:38:29.844" v="232"/>
          <ac:graphicFrameMkLst>
            <pc:docMk/>
            <pc:sldMk cId="2950204296" sldId="291"/>
            <ac:graphicFrameMk id="948" creationId="{58C9BDE3-4A8D-4DB8-B3DE-F29C8AD6308C}"/>
          </ac:graphicFrameMkLst>
        </pc:graphicFrameChg>
        <pc:graphicFrameChg chg="add mod modGraphic">
          <ac:chgData name="Emelie Westall Lundqvist" userId="S::s221956@dtu.dk::3a6c0c6b-4056-4919-93f8-4a249b28df98" providerId="AD" clId="Web-{E876495F-A2D4-ADEA-6005-87922259A0AD}" dt="2022-12-17T14:53:27.009" v="552" actId="20577"/>
          <ac:graphicFrameMkLst>
            <pc:docMk/>
            <pc:sldMk cId="2950204296" sldId="291"/>
            <ac:graphicFrameMk id="1715" creationId="{64D75220-EB73-6EB7-632F-616F85AC8BA3}"/>
          </ac:graphicFrameMkLst>
        </pc:graphicFrameChg>
      </pc:sldChg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3213211447" sldId="292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3213211447" sldId="292"/>
            <ac:spMk id="3" creationId="{89E26569-BA16-7E1E-ACF2-21DBA23C3713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3213211447" sldId="292"/>
            <ac:spMk id="4" creationId="{622AA495-CAC4-8173-E96C-3014578708ED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3213211447" sldId="292"/>
            <ac:spMk id="9" creationId="{6D7B45B7-3FFF-6874-0FED-88BB7D81D986}"/>
          </ac:spMkLst>
        </pc:spChg>
      </pc:sldChg>
      <pc:sldChg chg="modSp mod ord modClrScheme chgLayout">
        <pc:chgData name="Emelie Westall Lundqvist" userId="S::s221956@dtu.dk::3a6c0c6b-4056-4919-93f8-4a249b28df98" providerId="AD" clId="Web-{E876495F-A2D4-ADEA-6005-87922259A0AD}" dt="2022-12-17T14:53:47.915" v="563" actId="20577"/>
        <pc:sldMkLst>
          <pc:docMk/>
          <pc:sldMk cId="24647807" sldId="294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4647807" sldId="294"/>
            <ac:spMk id="4" creationId="{622AA495-CAC4-8173-E96C-3014578708ED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53:47.915" v="563" actId="20577"/>
          <ac:spMkLst>
            <pc:docMk/>
            <pc:sldMk cId="24647807" sldId="294"/>
            <ac:spMk id="9" creationId="{6D7B45B7-3FFF-6874-0FED-88BB7D81D986}"/>
          </ac:spMkLst>
        </pc:spChg>
      </pc:sldChg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2722807843" sldId="300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722807843" sldId="300"/>
            <ac:spMk id="2" creationId="{164BAB01-7D3C-93D9-063D-D710160C25EF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722807843" sldId="300"/>
            <ac:spMk id="4" creationId="{85BE02BF-920D-F785-1990-28A9F9555ACA}"/>
          </ac:spMkLst>
        </pc:spChg>
      </pc:sldChg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295041497" sldId="301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95041497" sldId="301"/>
            <ac:spMk id="2" creationId="{164BAB01-7D3C-93D9-063D-D710160C25EF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295041497" sldId="301"/>
            <ac:spMk id="4" creationId="{85BE02BF-920D-F785-1990-28A9F9555ACA}"/>
          </ac:spMkLst>
        </pc:spChg>
      </pc:sldChg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3188776685" sldId="304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3188776685" sldId="304"/>
            <ac:spMk id="2" creationId="{164BAB01-7D3C-93D9-063D-D710160C25EF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3188776685" sldId="304"/>
            <ac:spMk id="4" creationId="{85BE02BF-920D-F785-1990-28A9F9555ACA}"/>
          </ac:spMkLst>
        </pc:spChg>
      </pc:sldChg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4162553611" sldId="305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4162553611" sldId="305"/>
            <ac:spMk id="4" creationId="{F012F9B2-383A-4870-9BBA-B3EE6917A049}"/>
          </ac:spMkLst>
        </pc:spChg>
      </pc:sldChg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4113698000" sldId="306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4113698000" sldId="306"/>
            <ac:spMk id="2" creationId="{164BAB01-7D3C-93D9-063D-D710160C25EF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4113698000" sldId="306"/>
            <ac:spMk id="4" creationId="{85BE02BF-920D-F785-1990-28A9F9555ACA}"/>
          </ac:spMkLst>
        </pc:spChg>
      </pc:sldChg>
      <pc:sldChg chg="modSp del mod chgLayout">
        <pc:chgData name="Emelie Westall Lundqvist" userId="S::s221956@dtu.dk::3a6c0c6b-4056-4919-93f8-4a249b28df98" providerId="AD" clId="Web-{E876495F-A2D4-ADEA-6005-87922259A0AD}" dt="2022-12-17T14:43:15.759" v="306"/>
        <pc:sldMkLst>
          <pc:docMk/>
          <pc:sldMk cId="3359640937" sldId="307"/>
        </pc:sldMkLst>
        <pc:spChg chg="mod ord">
          <ac:chgData name="Emelie Westall Lundqvist" userId="S::s221956@dtu.dk::3a6c0c6b-4056-4919-93f8-4a249b28df98" providerId="AD" clId="Web-{E876495F-A2D4-ADEA-6005-87922259A0AD}" dt="2022-12-17T14:43:05.540" v="304" actId="20577"/>
          <ac:spMkLst>
            <pc:docMk/>
            <pc:sldMk cId="3359640937" sldId="307"/>
            <ac:spMk id="2" creationId="{88895812-38BB-0AF1-FF93-4576A48B8AD0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2:57.368" v="298"/>
          <ac:spMkLst>
            <pc:docMk/>
            <pc:sldMk cId="3359640937" sldId="307"/>
            <ac:spMk id="3" creationId="{B8DF7294-49B2-4162-9933-DDAC36F15480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2:57.368" v="298"/>
          <ac:spMkLst>
            <pc:docMk/>
            <pc:sldMk cId="3359640937" sldId="307"/>
            <ac:spMk id="4" creationId="{46E80753-8977-BA47-C13B-5E090B3EDBAB}"/>
          </ac:spMkLst>
        </pc:spChg>
      </pc:sldChg>
      <pc:sldChg chg="modSp mod modClrScheme chgLayout">
        <pc:chgData name="Emelie Westall Lundqvist" userId="S::s221956@dtu.dk::3a6c0c6b-4056-4919-93f8-4a249b28df98" providerId="AD" clId="Web-{E876495F-A2D4-ADEA-6005-87922259A0AD}" dt="2022-12-17T14:48:25.728" v="502"/>
        <pc:sldMkLst>
          <pc:docMk/>
          <pc:sldMk cId="1527060390" sldId="308"/>
        </pc:sldMkLst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1527060390" sldId="308"/>
            <ac:spMk id="2" creationId="{6A14B4CA-F99D-0997-F41E-82331D69D4B1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1527060390" sldId="308"/>
            <ac:spMk id="3" creationId="{DE3D43CB-4841-808A-3D72-80FCE0CD191F}"/>
          </ac:spMkLst>
        </pc:spChg>
        <pc:spChg chg="mod ord">
          <ac:chgData name="Emelie Westall Lundqvist" userId="S::s221956@dtu.dk::3a6c0c6b-4056-4919-93f8-4a249b28df98" providerId="AD" clId="Web-{E876495F-A2D4-ADEA-6005-87922259A0AD}" dt="2022-12-17T14:48:25.728" v="502"/>
          <ac:spMkLst>
            <pc:docMk/>
            <pc:sldMk cId="1527060390" sldId="308"/>
            <ac:spMk id="4" creationId="{B61D624F-1D54-9807-E2CC-F4941AE76299}"/>
          </ac:spMkLst>
        </pc:spChg>
      </pc:sldChg>
      <pc:sldMasterChg chg="add del addSldLayout delSldLayout modSldLayout">
        <pc:chgData name="Emelie Westall Lundqvist" userId="S::s221956@dtu.dk::3a6c0c6b-4056-4919-93f8-4a249b28df98" providerId="AD" clId="Web-{E876495F-A2D4-ADEA-6005-87922259A0AD}" dt="2022-12-17T14:48:25.728" v="502"/>
        <pc:sldMasterMkLst>
          <pc:docMk/>
          <pc:sldMasterMk cId="3011374954" sldId="2147483678"/>
        </pc:sldMasterMkLst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1261994989" sldId="2147483679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1651692564" sldId="2147483680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3482131861" sldId="2147483681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2828441045" sldId="2147483682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1389505554" sldId="2147483683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4221434916" sldId="2147483684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1445236561" sldId="2147483685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540529639" sldId="2147483686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4246135721" sldId="2147483687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932195277" sldId="2147483688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2525596360" sldId="2147483689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961788595" sldId="2147483690"/>
          </pc:sldLayoutMkLst>
        </pc:sldLayoutChg>
        <pc:sldLayoutChg chg="add del mod replId">
          <pc:chgData name="Emelie Westall Lundqvist" userId="S::s221956@dtu.dk::3a6c0c6b-4056-4919-93f8-4a249b28df98" providerId="AD" clId="Web-{E876495F-A2D4-ADEA-6005-87922259A0AD}" dt="2022-12-17T14:48:25.728" v="502"/>
          <pc:sldLayoutMkLst>
            <pc:docMk/>
            <pc:sldMasterMk cId="3011374954" sldId="2147483678"/>
            <pc:sldLayoutMk cId="4142966543" sldId="2147483691"/>
          </pc:sldLayoutMkLst>
        </pc:sldLayoutChg>
      </pc:sldMasterChg>
    </pc:docChg>
  </pc:docChgLst>
  <pc:docChgLst>
    <pc:chgData name="Nikolas Vitaliti" userId="8c720cfb-423e-41d2-902f-4cf486698773" providerId="ADAL" clId="{7F2E300A-988E-4BAC-A6AB-CD198D15278D}"/>
    <pc:docChg chg="undo redo custSel addSld delSld modSld sldOrd">
      <pc:chgData name="Nikolas Vitaliti" userId="8c720cfb-423e-41d2-902f-4cf486698773" providerId="ADAL" clId="{7F2E300A-988E-4BAC-A6AB-CD198D15278D}" dt="2022-12-18T16:15:00.666" v="4028" actId="207"/>
      <pc:docMkLst>
        <pc:docMk/>
      </pc:docMkLst>
      <pc:sldChg chg="modSp mod">
        <pc:chgData name="Nikolas Vitaliti" userId="8c720cfb-423e-41d2-902f-4cf486698773" providerId="ADAL" clId="{7F2E300A-988E-4BAC-A6AB-CD198D15278D}" dt="2022-12-17T14:48:26.207" v="2889" actId="27636"/>
        <pc:sldMkLst>
          <pc:docMk/>
          <pc:sldMk cId="2425252323" sldId="257"/>
        </pc:sldMkLst>
        <pc:spChg chg="mod">
          <ac:chgData name="Nikolas Vitaliti" userId="8c720cfb-423e-41d2-902f-4cf486698773" providerId="ADAL" clId="{7F2E300A-988E-4BAC-A6AB-CD198D15278D}" dt="2022-12-17T14:48:26.207" v="2889" actId="27636"/>
          <ac:spMkLst>
            <pc:docMk/>
            <pc:sldMk cId="2425252323" sldId="257"/>
            <ac:spMk id="2" creationId="{E6DB5006-1173-97E8-43B5-5235D6F6BAC4}"/>
          </ac:spMkLst>
        </pc:spChg>
      </pc:sldChg>
      <pc:sldChg chg="addSp modSp del mod">
        <pc:chgData name="Nikolas Vitaliti" userId="8c720cfb-423e-41d2-902f-4cf486698773" providerId="ADAL" clId="{7F2E300A-988E-4BAC-A6AB-CD198D15278D}" dt="2022-12-17T14:34:07.603" v="2858" actId="47"/>
        <pc:sldMkLst>
          <pc:docMk/>
          <pc:sldMk cId="1549464868" sldId="287"/>
        </pc:sldMkLst>
        <pc:spChg chg="mod">
          <ac:chgData name="Nikolas Vitaliti" userId="8c720cfb-423e-41d2-902f-4cf486698773" providerId="ADAL" clId="{7F2E300A-988E-4BAC-A6AB-CD198D15278D}" dt="2022-12-15T11:45:33.613" v="1062" actId="20577"/>
          <ac:spMkLst>
            <pc:docMk/>
            <pc:sldMk cId="1549464868" sldId="287"/>
            <ac:spMk id="3" creationId="{3E91AECF-8BCE-778E-FFAC-E48E86880E09}"/>
          </ac:spMkLst>
        </pc:spChg>
        <pc:picChg chg="add mod">
          <ac:chgData name="Nikolas Vitaliti" userId="8c720cfb-423e-41d2-902f-4cf486698773" providerId="ADAL" clId="{7F2E300A-988E-4BAC-A6AB-CD198D15278D}" dt="2022-12-15T10:03:43.314" v="70" actId="1076"/>
          <ac:picMkLst>
            <pc:docMk/>
            <pc:sldMk cId="1549464868" sldId="287"/>
            <ac:picMk id="6" creationId="{108B9BB6-ACC7-88C0-485D-D7308F945953}"/>
          </ac:picMkLst>
        </pc:picChg>
      </pc:sldChg>
      <pc:sldChg chg="modSp del mod">
        <pc:chgData name="Nikolas Vitaliti" userId="8c720cfb-423e-41d2-902f-4cf486698773" providerId="ADAL" clId="{7F2E300A-988E-4BAC-A6AB-CD198D15278D}" dt="2022-12-17T14:34:03.021" v="2857" actId="47"/>
        <pc:sldMkLst>
          <pc:docMk/>
          <pc:sldMk cId="1862264132" sldId="288"/>
        </pc:sldMkLst>
        <pc:spChg chg="mod">
          <ac:chgData name="Nikolas Vitaliti" userId="8c720cfb-423e-41d2-902f-4cf486698773" providerId="ADAL" clId="{7F2E300A-988E-4BAC-A6AB-CD198D15278D}" dt="2022-12-15T10:28:25.687" v="103" actId="20577"/>
          <ac:spMkLst>
            <pc:docMk/>
            <pc:sldMk cId="1862264132" sldId="288"/>
            <ac:spMk id="2" creationId="{ED34950F-7424-4896-F61A-DFC686702818}"/>
          </ac:spMkLst>
        </pc:spChg>
        <pc:spChg chg="mod">
          <ac:chgData name="Nikolas Vitaliti" userId="8c720cfb-423e-41d2-902f-4cf486698773" providerId="ADAL" clId="{7F2E300A-988E-4BAC-A6AB-CD198D15278D}" dt="2022-12-15T11:15:27.245" v="781" actId="20577"/>
          <ac:spMkLst>
            <pc:docMk/>
            <pc:sldMk cId="1862264132" sldId="288"/>
            <ac:spMk id="3" creationId="{050DF8CE-F7D0-A491-8E5B-0D3ACF86DD4C}"/>
          </ac:spMkLst>
        </pc:spChg>
      </pc:sldChg>
      <pc:sldChg chg="del">
        <pc:chgData name="Nikolas Vitaliti" userId="8c720cfb-423e-41d2-902f-4cf486698773" providerId="ADAL" clId="{7F2E300A-988E-4BAC-A6AB-CD198D15278D}" dt="2022-12-17T14:33:51.896" v="2856" actId="47"/>
        <pc:sldMkLst>
          <pc:docMk/>
          <pc:sldMk cId="544407692" sldId="289"/>
        </pc:sldMkLst>
      </pc:sldChg>
      <pc:sldChg chg="addSp delSp modSp mod">
        <pc:chgData name="Nikolas Vitaliti" userId="8c720cfb-423e-41d2-902f-4cf486698773" providerId="ADAL" clId="{7F2E300A-988E-4BAC-A6AB-CD198D15278D}" dt="2022-12-17T15:49:10.261" v="3815" actId="20577"/>
        <pc:sldMkLst>
          <pc:docMk/>
          <pc:sldMk cId="3949890615" sldId="290"/>
        </pc:sldMkLst>
        <pc:spChg chg="del mod">
          <ac:chgData name="Nikolas Vitaliti" userId="8c720cfb-423e-41d2-902f-4cf486698773" providerId="ADAL" clId="{7F2E300A-988E-4BAC-A6AB-CD198D15278D}" dt="2022-12-16T15:48:15.661" v="2585" actId="21"/>
          <ac:spMkLst>
            <pc:docMk/>
            <pc:sldMk cId="3949890615" sldId="290"/>
            <ac:spMk id="2" creationId="{164BAB01-7D3C-93D9-063D-D710160C25EF}"/>
          </ac:spMkLst>
        </pc:spChg>
        <pc:spChg chg="mod">
          <ac:chgData name="Nikolas Vitaliti" userId="8c720cfb-423e-41d2-902f-4cf486698773" providerId="ADAL" clId="{7F2E300A-988E-4BAC-A6AB-CD198D15278D}" dt="2022-12-17T15:49:06.694" v="3810" actId="20577"/>
          <ac:spMkLst>
            <pc:docMk/>
            <pc:sldMk cId="3949890615" sldId="290"/>
            <ac:spMk id="6" creationId="{6D600F5E-D77C-FE72-AA2D-7B319DB970E2}"/>
          </ac:spMkLst>
        </pc:spChg>
        <pc:spChg chg="del mod">
          <ac:chgData name="Nikolas Vitaliti" userId="8c720cfb-423e-41d2-902f-4cf486698773" providerId="ADAL" clId="{7F2E300A-988E-4BAC-A6AB-CD198D15278D}" dt="2022-12-16T15:48:15.661" v="2585" actId="21"/>
          <ac:spMkLst>
            <pc:docMk/>
            <pc:sldMk cId="3949890615" sldId="290"/>
            <ac:spMk id="11" creationId="{76192E61-EB64-9A98-C3D7-AE17167B7604}"/>
          </ac:spMkLst>
        </pc:spChg>
        <pc:spChg chg="mod">
          <ac:chgData name="Nikolas Vitaliti" userId="8c720cfb-423e-41d2-902f-4cf486698773" providerId="ADAL" clId="{7F2E300A-988E-4BAC-A6AB-CD198D15278D}" dt="2022-12-17T14:33:19.548" v="2855" actId="1076"/>
          <ac:spMkLst>
            <pc:docMk/>
            <pc:sldMk cId="3949890615" sldId="290"/>
            <ac:spMk id="12" creationId="{AB535B17-68B2-F3C4-DED2-D0EB02876E66}"/>
          </ac:spMkLst>
        </pc:spChg>
        <pc:spChg chg="add del mod">
          <ac:chgData name="Nikolas Vitaliti" userId="8c720cfb-423e-41d2-902f-4cf486698773" providerId="ADAL" clId="{7F2E300A-988E-4BAC-A6AB-CD198D15278D}" dt="2022-12-16T15:43:15.374" v="2443" actId="478"/>
          <ac:spMkLst>
            <pc:docMk/>
            <pc:sldMk cId="3949890615" sldId="290"/>
            <ac:spMk id="13" creationId="{61EB666D-D843-06FB-3A6B-A593370970FA}"/>
          </ac:spMkLst>
        </pc:spChg>
        <pc:spChg chg="add mod">
          <ac:chgData name="Nikolas Vitaliti" userId="8c720cfb-423e-41d2-902f-4cf486698773" providerId="ADAL" clId="{7F2E300A-988E-4BAC-A6AB-CD198D15278D}" dt="2022-12-17T15:49:10.261" v="3815" actId="20577"/>
          <ac:spMkLst>
            <pc:docMk/>
            <pc:sldMk cId="3949890615" sldId="290"/>
            <ac:spMk id="17" creationId="{C5445925-16A7-C3FD-722E-104399178D00}"/>
          </ac:spMkLst>
        </pc:spChg>
        <pc:spChg chg="add del mod">
          <ac:chgData name="Nikolas Vitaliti" userId="8c720cfb-423e-41d2-902f-4cf486698773" providerId="ADAL" clId="{7F2E300A-988E-4BAC-A6AB-CD198D15278D}" dt="2022-12-16T15:48:10.645" v="2584" actId="21"/>
          <ac:spMkLst>
            <pc:docMk/>
            <pc:sldMk cId="3949890615" sldId="290"/>
            <ac:spMk id="18" creationId="{9B7F9504-0EA3-717D-C380-AF134E52B817}"/>
          </ac:spMkLst>
        </pc:spChg>
        <pc:spChg chg="add del mod">
          <ac:chgData name="Nikolas Vitaliti" userId="8c720cfb-423e-41d2-902f-4cf486698773" providerId="ADAL" clId="{7F2E300A-988E-4BAC-A6AB-CD198D15278D}" dt="2022-12-16T15:48:17.801" v="2586" actId="478"/>
          <ac:spMkLst>
            <pc:docMk/>
            <pc:sldMk cId="3949890615" sldId="290"/>
            <ac:spMk id="19" creationId="{A30E1CAD-C621-FC95-5262-DF0C15543E2B}"/>
          </ac:spMkLst>
        </pc:spChg>
        <pc:spChg chg="add del mod">
          <ac:chgData name="Nikolas Vitaliti" userId="8c720cfb-423e-41d2-902f-4cf486698773" providerId="ADAL" clId="{7F2E300A-988E-4BAC-A6AB-CD198D15278D}" dt="2022-12-16T15:49:09.521" v="2601" actId="478"/>
          <ac:spMkLst>
            <pc:docMk/>
            <pc:sldMk cId="3949890615" sldId="290"/>
            <ac:spMk id="20" creationId="{8DC4020A-3E2A-2E13-9DE5-7237FB78DFDE}"/>
          </ac:spMkLst>
        </pc:spChg>
        <pc:spChg chg="add mod">
          <ac:chgData name="Nikolas Vitaliti" userId="8c720cfb-423e-41d2-902f-4cf486698773" providerId="ADAL" clId="{7F2E300A-988E-4BAC-A6AB-CD198D15278D}" dt="2022-12-16T15:48:34.349" v="2590" actId="1076"/>
          <ac:spMkLst>
            <pc:docMk/>
            <pc:sldMk cId="3949890615" sldId="290"/>
            <ac:spMk id="21" creationId="{C147D2DB-7986-573E-21B9-25DF12F18C78}"/>
          </ac:spMkLst>
        </pc:spChg>
        <pc:spChg chg="add mod">
          <ac:chgData name="Nikolas Vitaliti" userId="8c720cfb-423e-41d2-902f-4cf486698773" providerId="ADAL" clId="{7F2E300A-988E-4BAC-A6AB-CD198D15278D}" dt="2022-12-16T15:49:14.928" v="2602" actId="14100"/>
          <ac:spMkLst>
            <pc:docMk/>
            <pc:sldMk cId="3949890615" sldId="290"/>
            <ac:spMk id="22" creationId="{C854065A-6160-D470-9921-41EB89E9377D}"/>
          </ac:spMkLst>
        </pc:spChg>
        <pc:spChg chg="add del mod">
          <ac:chgData name="Nikolas Vitaliti" userId="8c720cfb-423e-41d2-902f-4cf486698773" providerId="ADAL" clId="{7F2E300A-988E-4BAC-A6AB-CD198D15278D}" dt="2022-12-16T15:49:40.663" v="2608" actId="478"/>
          <ac:spMkLst>
            <pc:docMk/>
            <pc:sldMk cId="3949890615" sldId="290"/>
            <ac:spMk id="23" creationId="{48ACAD81-4DD6-5E77-44D5-F8663A481DB3}"/>
          </ac:spMkLst>
        </pc:spChg>
        <pc:graphicFrameChg chg="mod modGraphic">
          <ac:chgData name="Nikolas Vitaliti" userId="8c720cfb-423e-41d2-902f-4cf486698773" providerId="ADAL" clId="{7F2E300A-988E-4BAC-A6AB-CD198D15278D}" dt="2022-12-16T15:53:41.091" v="2700" actId="122"/>
          <ac:graphicFrameMkLst>
            <pc:docMk/>
            <pc:sldMk cId="3949890615" sldId="290"/>
            <ac:graphicFrameMk id="7" creationId="{D046D3B9-1925-626A-4775-A635D63437F8}"/>
          </ac:graphicFrameMkLst>
        </pc:graphicFrameChg>
        <pc:graphicFrameChg chg="add del mod modGraphic">
          <ac:chgData name="Nikolas Vitaliti" userId="8c720cfb-423e-41d2-902f-4cf486698773" providerId="ADAL" clId="{7F2E300A-988E-4BAC-A6AB-CD198D15278D}" dt="2022-12-16T15:51:18.151" v="2659" actId="478"/>
          <ac:graphicFrameMkLst>
            <pc:docMk/>
            <pc:sldMk cId="3949890615" sldId="290"/>
            <ac:graphicFrameMk id="24" creationId="{6761C1AE-8E67-A61F-3042-4C38728537DA}"/>
          </ac:graphicFrameMkLst>
        </pc:graphicFrameChg>
        <pc:picChg chg="add del mod">
          <ac:chgData name="Nikolas Vitaliti" userId="8c720cfb-423e-41d2-902f-4cf486698773" providerId="ADAL" clId="{7F2E300A-988E-4BAC-A6AB-CD198D15278D}" dt="2022-12-16T15:42:31.698" v="2432" actId="478"/>
          <ac:picMkLst>
            <pc:docMk/>
            <pc:sldMk cId="3949890615" sldId="290"/>
            <ac:picMk id="3" creationId="{ABC560A4-8D16-74BB-F514-206032D73333}"/>
          </ac:picMkLst>
        </pc:picChg>
        <pc:picChg chg="mod">
          <ac:chgData name="Nikolas Vitaliti" userId="8c720cfb-423e-41d2-902f-4cf486698773" providerId="ADAL" clId="{7F2E300A-988E-4BAC-A6AB-CD198D15278D}" dt="2022-12-16T15:50:34.369" v="2646" actId="1076"/>
          <ac:picMkLst>
            <pc:docMk/>
            <pc:sldMk cId="3949890615" sldId="290"/>
            <ac:picMk id="5" creationId="{7DDEFCA3-DCB2-7506-BEA6-41E16A3111AB}"/>
          </ac:picMkLst>
        </pc:picChg>
        <pc:picChg chg="add mod">
          <ac:chgData name="Nikolas Vitaliti" userId="8c720cfb-423e-41d2-902f-4cf486698773" providerId="ADAL" clId="{7F2E300A-988E-4BAC-A6AB-CD198D15278D}" dt="2022-12-16T15:50:41.494" v="2649" actId="1076"/>
          <ac:picMkLst>
            <pc:docMk/>
            <pc:sldMk cId="3949890615" sldId="290"/>
            <ac:picMk id="15" creationId="{75121C11-E7C1-25A3-B82F-58FED9258AA7}"/>
          </ac:picMkLst>
        </pc:picChg>
      </pc:sldChg>
      <pc:sldChg chg="addSp delSp modSp del mod ord">
        <pc:chgData name="Nikolas Vitaliti" userId="8c720cfb-423e-41d2-902f-4cf486698773" providerId="ADAL" clId="{7F2E300A-988E-4BAC-A6AB-CD198D15278D}" dt="2022-12-17T14:58:50.864" v="2993" actId="47"/>
        <pc:sldMkLst>
          <pc:docMk/>
          <pc:sldMk cId="2950204296" sldId="291"/>
        </pc:sldMkLst>
        <pc:spChg chg="add del mod">
          <ac:chgData name="Nikolas Vitaliti" userId="8c720cfb-423e-41d2-902f-4cf486698773" providerId="ADAL" clId="{7F2E300A-988E-4BAC-A6AB-CD198D15278D}" dt="2022-12-17T14:50:57.459" v="2929" actId="478"/>
          <ac:spMkLst>
            <pc:docMk/>
            <pc:sldMk cId="2950204296" sldId="291"/>
            <ac:spMk id="2" creationId="{178E0423-2E4E-59C4-14F4-3BBB6831362B}"/>
          </ac:spMkLst>
        </pc:spChg>
        <pc:spChg chg="add mod">
          <ac:chgData name="Nikolas Vitaliti" userId="8c720cfb-423e-41d2-902f-4cf486698773" providerId="ADAL" clId="{7F2E300A-988E-4BAC-A6AB-CD198D15278D}" dt="2022-12-17T14:58:29.034" v="2988" actId="571"/>
          <ac:spMkLst>
            <pc:docMk/>
            <pc:sldMk cId="2950204296" sldId="291"/>
            <ac:spMk id="2" creationId="{3BDA37E6-0FBD-6E78-BB8A-19C1259D0107}"/>
          </ac:spMkLst>
        </pc:spChg>
        <pc:spChg chg="add mod">
          <ac:chgData name="Nikolas Vitaliti" userId="8c720cfb-423e-41d2-902f-4cf486698773" providerId="ADAL" clId="{7F2E300A-988E-4BAC-A6AB-CD198D15278D}" dt="2022-12-17T14:58:29.034" v="2988" actId="571"/>
          <ac:spMkLst>
            <pc:docMk/>
            <pc:sldMk cId="2950204296" sldId="291"/>
            <ac:spMk id="3" creationId="{86068F39-726F-C745-D126-9784FF74ACA0}"/>
          </ac:spMkLst>
        </pc:spChg>
        <pc:spChg chg="del">
          <ac:chgData name="Nikolas Vitaliti" userId="8c720cfb-423e-41d2-902f-4cf486698773" providerId="ADAL" clId="{7F2E300A-988E-4BAC-A6AB-CD198D15278D}" dt="2022-12-17T14:50:54.708" v="2928" actId="478"/>
          <ac:spMkLst>
            <pc:docMk/>
            <pc:sldMk cId="2950204296" sldId="291"/>
            <ac:spMk id="3" creationId="{89E26569-BA16-7E1E-ACF2-21DBA23C3713}"/>
          </ac:spMkLst>
        </pc:spChg>
        <pc:spChg chg="add mod">
          <ac:chgData name="Nikolas Vitaliti" userId="8c720cfb-423e-41d2-902f-4cf486698773" providerId="ADAL" clId="{7F2E300A-988E-4BAC-A6AB-CD198D15278D}" dt="2022-12-17T14:51:45.295" v="2936" actId="167"/>
          <ac:spMkLst>
            <pc:docMk/>
            <pc:sldMk cId="2950204296" sldId="291"/>
            <ac:spMk id="5" creationId="{4E7DAD99-81DF-A1D3-DE3F-916393EF3A32}"/>
          </ac:spMkLst>
        </pc:spChg>
        <pc:spChg chg="mod">
          <ac:chgData name="Nikolas Vitaliti" userId="8c720cfb-423e-41d2-902f-4cf486698773" providerId="ADAL" clId="{7F2E300A-988E-4BAC-A6AB-CD198D15278D}" dt="2022-12-17T14:51:58.436" v="2938" actId="1076"/>
          <ac:spMkLst>
            <pc:docMk/>
            <pc:sldMk cId="2950204296" sldId="291"/>
            <ac:spMk id="9" creationId="{6D7B45B7-3FFF-6874-0FED-88BB7D81D986}"/>
          </ac:spMkLst>
        </pc:spChg>
        <pc:spChg chg="del">
          <ac:chgData name="Nikolas Vitaliti" userId="8c720cfb-423e-41d2-902f-4cf486698773" providerId="ADAL" clId="{7F2E300A-988E-4BAC-A6AB-CD198D15278D}" dt="2022-12-17T14:50:42.265" v="2925" actId="478"/>
          <ac:spMkLst>
            <pc:docMk/>
            <pc:sldMk cId="2950204296" sldId="291"/>
            <ac:spMk id="1710" creationId="{947812A3-10FC-C113-52AC-276A93191960}"/>
          </ac:spMkLst>
        </pc:spChg>
        <pc:spChg chg="del mod">
          <ac:chgData name="Nikolas Vitaliti" userId="8c720cfb-423e-41d2-902f-4cf486698773" providerId="ADAL" clId="{7F2E300A-988E-4BAC-A6AB-CD198D15278D}" dt="2022-12-17T14:50:31.148" v="2921" actId="478"/>
          <ac:spMkLst>
            <pc:docMk/>
            <pc:sldMk cId="2950204296" sldId="291"/>
            <ac:spMk id="1711" creationId="{7C028BAF-7F17-A113-3E54-537EE7CD0A41}"/>
          </ac:spMkLst>
        </pc:spChg>
        <pc:spChg chg="del">
          <ac:chgData name="Nikolas Vitaliti" userId="8c720cfb-423e-41d2-902f-4cf486698773" providerId="ADAL" clId="{7F2E300A-988E-4BAC-A6AB-CD198D15278D}" dt="2022-12-17T14:50:25.541" v="2917" actId="478"/>
          <ac:spMkLst>
            <pc:docMk/>
            <pc:sldMk cId="2950204296" sldId="291"/>
            <ac:spMk id="1712" creationId="{DC533153-EAB7-E541-73D4-2E2DB8C7F222}"/>
          </ac:spMkLst>
        </pc:spChg>
        <pc:spChg chg="del mod">
          <ac:chgData name="Nikolas Vitaliti" userId="8c720cfb-423e-41d2-902f-4cf486698773" providerId="ADAL" clId="{7F2E300A-988E-4BAC-A6AB-CD198D15278D}" dt="2022-12-17T14:50:36.092" v="2923" actId="478"/>
          <ac:spMkLst>
            <pc:docMk/>
            <pc:sldMk cId="2950204296" sldId="291"/>
            <ac:spMk id="1713" creationId="{F4C6AADC-1A76-53D7-0FCA-1ADC8E36C0B0}"/>
          </ac:spMkLst>
        </pc:spChg>
        <pc:spChg chg="del">
          <ac:chgData name="Nikolas Vitaliti" userId="8c720cfb-423e-41d2-902f-4cf486698773" providerId="ADAL" clId="{7F2E300A-988E-4BAC-A6AB-CD198D15278D}" dt="2022-12-17T14:50:21.958" v="2916" actId="478"/>
          <ac:spMkLst>
            <pc:docMk/>
            <pc:sldMk cId="2950204296" sldId="291"/>
            <ac:spMk id="1714" creationId="{8820E4CA-3592-F068-C89C-F4141A983FBC}"/>
          </ac:spMkLst>
        </pc:spChg>
        <pc:graphicFrameChg chg="mod">
          <ac:chgData name="Nikolas Vitaliti" userId="8c720cfb-423e-41d2-902f-4cf486698773" providerId="ADAL" clId="{7F2E300A-988E-4BAC-A6AB-CD198D15278D}" dt="2022-12-17T14:54:34.620" v="2964"/>
          <ac:graphicFrameMkLst>
            <pc:docMk/>
            <pc:sldMk cId="2950204296" sldId="291"/>
            <ac:graphicFrameMk id="1715" creationId="{64D75220-EB73-6EB7-632F-616F85AC8BA3}"/>
          </ac:graphicFrameMkLst>
        </pc:graphicFrameChg>
        <pc:picChg chg="add del mod">
          <ac:chgData name="Nikolas Vitaliti" userId="8c720cfb-423e-41d2-902f-4cf486698773" providerId="ADAL" clId="{7F2E300A-988E-4BAC-A6AB-CD198D15278D}" dt="2022-12-16T14:46:46.217" v="1067" actId="21"/>
          <ac:picMkLst>
            <pc:docMk/>
            <pc:sldMk cId="2950204296" sldId="291"/>
            <ac:picMk id="5" creationId="{73E79AF0-6908-722E-F811-5D82FDCA1FAF}"/>
          </ac:picMkLst>
        </pc:picChg>
      </pc:sldChg>
      <pc:sldChg chg="modSp mod">
        <pc:chgData name="Nikolas Vitaliti" userId="8c720cfb-423e-41d2-902f-4cf486698773" providerId="ADAL" clId="{7F2E300A-988E-4BAC-A6AB-CD198D15278D}" dt="2022-12-18T12:19:06.755" v="3927" actId="1076"/>
        <pc:sldMkLst>
          <pc:docMk/>
          <pc:sldMk cId="3213211447" sldId="292"/>
        </pc:sldMkLst>
        <pc:spChg chg="mod">
          <ac:chgData name="Nikolas Vitaliti" userId="8c720cfb-423e-41d2-902f-4cf486698773" providerId="ADAL" clId="{7F2E300A-988E-4BAC-A6AB-CD198D15278D}" dt="2022-12-18T12:19:06.755" v="3927" actId="1076"/>
          <ac:spMkLst>
            <pc:docMk/>
            <pc:sldMk cId="3213211447" sldId="292"/>
            <ac:spMk id="5" creationId="{144ED827-ACA1-5E06-7C3D-51B166105391}"/>
          </ac:spMkLst>
        </pc:spChg>
      </pc:sldChg>
      <pc:sldChg chg="addSp delSp modSp mod ord">
        <pc:chgData name="Nikolas Vitaliti" userId="8c720cfb-423e-41d2-902f-4cf486698773" providerId="ADAL" clId="{7F2E300A-988E-4BAC-A6AB-CD198D15278D}" dt="2022-12-17T15:46:11.159" v="3805" actId="20577"/>
        <pc:sldMkLst>
          <pc:docMk/>
          <pc:sldMk cId="24647807" sldId="294"/>
        </pc:sldMkLst>
        <pc:spChg chg="add mod">
          <ac:chgData name="Nikolas Vitaliti" userId="8c720cfb-423e-41d2-902f-4cf486698773" providerId="ADAL" clId="{7F2E300A-988E-4BAC-A6AB-CD198D15278D}" dt="2022-12-17T15:14:03.041" v="3017" actId="1076"/>
          <ac:spMkLst>
            <pc:docMk/>
            <pc:sldMk cId="24647807" sldId="294"/>
            <ac:spMk id="5" creationId="{2F216128-3307-50B1-1D75-193E9EA2C83D}"/>
          </ac:spMkLst>
        </pc:spChg>
        <pc:spChg chg="del">
          <ac:chgData name="Nikolas Vitaliti" userId="8c720cfb-423e-41d2-902f-4cf486698773" providerId="ADAL" clId="{7F2E300A-988E-4BAC-A6AB-CD198D15278D}" dt="2022-12-16T14:47:55.530" v="1081" actId="478"/>
          <ac:spMkLst>
            <pc:docMk/>
            <pc:sldMk cId="24647807" sldId="294"/>
            <ac:spMk id="6" creationId="{BEBD2B5D-B1B7-8804-2DFF-6FC100134774}"/>
          </ac:spMkLst>
        </pc:spChg>
        <pc:spChg chg="add del">
          <ac:chgData name="Nikolas Vitaliti" userId="8c720cfb-423e-41d2-902f-4cf486698773" providerId="ADAL" clId="{7F2E300A-988E-4BAC-A6AB-CD198D15278D}" dt="2022-12-17T15:13:45.771" v="3015" actId="21"/>
          <ac:spMkLst>
            <pc:docMk/>
            <pc:sldMk cId="24647807" sldId="294"/>
            <ac:spMk id="6" creationId="{E8A8102B-56A0-62A6-4F21-2B1020C970FC}"/>
          </ac:spMkLst>
        </pc:spChg>
        <pc:spChg chg="add mod">
          <ac:chgData name="Nikolas Vitaliti" userId="8c720cfb-423e-41d2-902f-4cf486698773" providerId="ADAL" clId="{7F2E300A-988E-4BAC-A6AB-CD198D15278D}" dt="2022-12-16T14:50:47.259" v="1135" actId="14100"/>
          <ac:spMkLst>
            <pc:docMk/>
            <pc:sldMk cId="24647807" sldId="294"/>
            <ac:spMk id="8" creationId="{BA9F1084-CCD0-9348-7B66-3B4F08B753E4}"/>
          </ac:spMkLst>
        </pc:spChg>
        <pc:spChg chg="mod">
          <ac:chgData name="Nikolas Vitaliti" userId="8c720cfb-423e-41d2-902f-4cf486698773" providerId="ADAL" clId="{7F2E300A-988E-4BAC-A6AB-CD198D15278D}" dt="2022-12-17T15:14:25.472" v="3067" actId="20577"/>
          <ac:spMkLst>
            <pc:docMk/>
            <pc:sldMk cId="24647807" sldId="294"/>
            <ac:spMk id="9" creationId="{6D7B45B7-3FFF-6874-0FED-88BB7D81D986}"/>
          </ac:spMkLst>
        </pc:spChg>
        <pc:spChg chg="add mod">
          <ac:chgData name="Nikolas Vitaliti" userId="8c720cfb-423e-41d2-902f-4cf486698773" providerId="ADAL" clId="{7F2E300A-988E-4BAC-A6AB-CD198D15278D}" dt="2022-12-17T15:46:11.159" v="3805" actId="20577"/>
          <ac:spMkLst>
            <pc:docMk/>
            <pc:sldMk cId="24647807" sldId="294"/>
            <ac:spMk id="10" creationId="{96590885-4586-509B-F45C-CA6792C87267}"/>
          </ac:spMkLst>
        </pc:spChg>
        <pc:spChg chg="mod">
          <ac:chgData name="Nikolas Vitaliti" userId="8c720cfb-423e-41d2-902f-4cf486698773" providerId="ADAL" clId="{7F2E300A-988E-4BAC-A6AB-CD198D15278D}" dt="2022-12-16T15:17:16.258" v="1905" actId="14100"/>
          <ac:spMkLst>
            <pc:docMk/>
            <pc:sldMk cId="24647807" sldId="294"/>
            <ac:spMk id="11" creationId="{118B8677-A3E2-401F-4261-EE74FC2D22E9}"/>
          </ac:spMkLst>
        </pc:spChg>
        <pc:spChg chg="add del mod">
          <ac:chgData name="Nikolas Vitaliti" userId="8c720cfb-423e-41d2-902f-4cf486698773" providerId="ADAL" clId="{7F2E300A-988E-4BAC-A6AB-CD198D15278D}" dt="2022-12-16T15:25:50.696" v="2083" actId="478"/>
          <ac:spMkLst>
            <pc:docMk/>
            <pc:sldMk cId="24647807" sldId="294"/>
            <ac:spMk id="13" creationId="{7273CCD2-18F4-91F1-368D-EF90F31FB8C9}"/>
          </ac:spMkLst>
        </pc:spChg>
        <pc:picChg chg="add mod">
          <ac:chgData name="Nikolas Vitaliti" userId="8c720cfb-423e-41d2-902f-4cf486698773" providerId="ADAL" clId="{7F2E300A-988E-4BAC-A6AB-CD198D15278D}" dt="2022-12-17T15:14:03.041" v="3017" actId="1076"/>
          <ac:picMkLst>
            <pc:docMk/>
            <pc:sldMk cId="24647807" sldId="294"/>
            <ac:picMk id="2" creationId="{4CE3D8B2-FF60-BBA5-51CE-681BD5BB17CB}"/>
          </ac:picMkLst>
        </pc:picChg>
        <pc:picChg chg="mod">
          <ac:chgData name="Nikolas Vitaliti" userId="8c720cfb-423e-41d2-902f-4cf486698773" providerId="ADAL" clId="{7F2E300A-988E-4BAC-A6AB-CD198D15278D}" dt="2022-12-16T14:50:09.992" v="1085" actId="1076"/>
          <ac:picMkLst>
            <pc:docMk/>
            <pc:sldMk cId="24647807" sldId="294"/>
            <ac:picMk id="7" creationId="{CF6DD253-4BBB-630C-6997-A797ED2E0A89}"/>
          </ac:picMkLst>
        </pc:picChg>
        <pc:picChg chg="del">
          <ac:chgData name="Nikolas Vitaliti" userId="8c720cfb-423e-41d2-902f-4cf486698773" providerId="ADAL" clId="{7F2E300A-988E-4BAC-A6AB-CD198D15278D}" dt="2022-12-17T15:13:13.413" v="3006" actId="21"/>
          <ac:picMkLst>
            <pc:docMk/>
            <pc:sldMk cId="24647807" sldId="294"/>
            <ac:picMk id="8" creationId="{4F32DEFD-B33B-C214-14AB-85D0FE36FF91}"/>
          </ac:picMkLst>
        </pc:picChg>
        <pc:picChg chg="add del mod">
          <ac:chgData name="Nikolas Vitaliti" userId="8c720cfb-423e-41d2-902f-4cf486698773" providerId="ADAL" clId="{7F2E300A-988E-4BAC-A6AB-CD198D15278D}" dt="2022-12-16T15:25:36.133" v="2080" actId="21"/>
          <ac:picMkLst>
            <pc:docMk/>
            <pc:sldMk cId="24647807" sldId="294"/>
            <ac:picMk id="12" creationId="{8CDA3AF7-6D90-7227-FC6C-9E8D0D55BA1A}"/>
          </ac:picMkLst>
        </pc:picChg>
      </pc:sldChg>
      <pc:sldChg chg="modSp del mod">
        <pc:chgData name="Nikolas Vitaliti" userId="8c720cfb-423e-41d2-902f-4cf486698773" providerId="ADAL" clId="{7F2E300A-988E-4BAC-A6AB-CD198D15278D}" dt="2022-12-16T15:28:46.337" v="2086" actId="47"/>
        <pc:sldMkLst>
          <pc:docMk/>
          <pc:sldMk cId="3754493735" sldId="296"/>
        </pc:sldMkLst>
        <pc:spChg chg="mod">
          <ac:chgData name="Nikolas Vitaliti" userId="8c720cfb-423e-41d2-902f-4cf486698773" providerId="ADAL" clId="{7F2E300A-988E-4BAC-A6AB-CD198D15278D}" dt="2022-12-16T15:14:17.223" v="1868" actId="20577"/>
          <ac:spMkLst>
            <pc:docMk/>
            <pc:sldMk cId="3754493735" sldId="296"/>
            <ac:spMk id="11" creationId="{569FD0B1-62AF-71C8-4E33-DB77C9E8CDAF}"/>
          </ac:spMkLst>
        </pc:spChg>
      </pc:sldChg>
      <pc:sldChg chg="delSp modSp mod">
        <pc:chgData name="Nikolas Vitaliti" userId="8c720cfb-423e-41d2-902f-4cf486698773" providerId="ADAL" clId="{7F2E300A-988E-4BAC-A6AB-CD198D15278D}" dt="2022-12-18T12:24:29.380" v="3942" actId="207"/>
        <pc:sldMkLst>
          <pc:docMk/>
          <pc:sldMk cId="2722807843" sldId="300"/>
        </pc:sldMkLst>
        <pc:spChg chg="mod">
          <ac:chgData name="Nikolas Vitaliti" userId="8c720cfb-423e-41d2-902f-4cf486698773" providerId="ADAL" clId="{7F2E300A-988E-4BAC-A6AB-CD198D15278D}" dt="2022-12-18T12:24:29.380" v="3942" actId="207"/>
          <ac:spMkLst>
            <pc:docMk/>
            <pc:sldMk cId="2722807843" sldId="300"/>
            <ac:spMk id="5" creationId="{E0063133-201E-BC04-7A8B-4B488D35490C}"/>
          </ac:spMkLst>
        </pc:spChg>
        <pc:spChg chg="mod">
          <ac:chgData name="Nikolas Vitaliti" userId="8c720cfb-423e-41d2-902f-4cf486698773" providerId="ADAL" clId="{7F2E300A-988E-4BAC-A6AB-CD198D15278D}" dt="2022-12-17T13:31:12.035" v="2817"/>
          <ac:spMkLst>
            <pc:docMk/>
            <pc:sldMk cId="2722807843" sldId="300"/>
            <ac:spMk id="10" creationId="{38D86D40-AD35-72D9-7B4F-F5CA409B6869}"/>
          </ac:spMkLst>
        </pc:spChg>
        <pc:spChg chg="del mod">
          <ac:chgData name="Nikolas Vitaliti" userId="8c720cfb-423e-41d2-902f-4cf486698773" providerId="ADAL" clId="{7F2E300A-988E-4BAC-A6AB-CD198D15278D}" dt="2022-12-17T14:32:47.576" v="2837"/>
          <ac:spMkLst>
            <pc:docMk/>
            <pc:sldMk cId="2722807843" sldId="300"/>
            <ac:spMk id="17" creationId="{D058C6F1-BC51-B32D-E605-25A2D030BD67}"/>
          </ac:spMkLst>
        </pc:spChg>
        <pc:picChg chg="mod">
          <ac:chgData name="Nikolas Vitaliti" userId="8c720cfb-423e-41d2-902f-4cf486698773" providerId="ADAL" clId="{7F2E300A-988E-4BAC-A6AB-CD198D15278D}" dt="2022-12-18T12:23:39.276" v="3936" actId="14100"/>
          <ac:picMkLst>
            <pc:docMk/>
            <pc:sldMk cId="2722807843" sldId="300"/>
            <ac:picMk id="9" creationId="{F9BAB189-56AE-D33D-8B6C-2DBE51EEFDC0}"/>
          </ac:picMkLst>
        </pc:picChg>
      </pc:sldChg>
      <pc:sldChg chg="modSp mod">
        <pc:chgData name="Nikolas Vitaliti" userId="8c720cfb-423e-41d2-902f-4cf486698773" providerId="ADAL" clId="{7F2E300A-988E-4BAC-A6AB-CD198D15278D}" dt="2022-12-18T12:33:43.382" v="4015" actId="1076"/>
        <pc:sldMkLst>
          <pc:docMk/>
          <pc:sldMk cId="295041497" sldId="301"/>
        </pc:sldMkLst>
        <pc:spChg chg="mod">
          <ac:chgData name="Nikolas Vitaliti" userId="8c720cfb-423e-41d2-902f-4cf486698773" providerId="ADAL" clId="{7F2E300A-988E-4BAC-A6AB-CD198D15278D}" dt="2022-12-18T12:33:43.382" v="4015" actId="1076"/>
          <ac:spMkLst>
            <pc:docMk/>
            <pc:sldMk cId="295041497" sldId="301"/>
            <ac:spMk id="3" creationId="{B7587477-D732-0A58-FE6C-7FD90FCA4693}"/>
          </ac:spMkLst>
        </pc:spChg>
        <pc:spChg chg="mod">
          <ac:chgData name="Nikolas Vitaliti" userId="8c720cfb-423e-41d2-902f-4cf486698773" providerId="ADAL" clId="{7F2E300A-988E-4BAC-A6AB-CD198D15278D}" dt="2022-12-18T12:33:39.348" v="4014" actId="113"/>
          <ac:spMkLst>
            <pc:docMk/>
            <pc:sldMk cId="295041497" sldId="301"/>
            <ac:spMk id="13" creationId="{5075C9F8-F90E-501A-6E9F-347CBF079311}"/>
          </ac:spMkLst>
        </pc:spChg>
      </pc:sldChg>
      <pc:sldChg chg="del">
        <pc:chgData name="Nikolas Vitaliti" userId="8c720cfb-423e-41d2-902f-4cf486698773" providerId="ADAL" clId="{7F2E300A-988E-4BAC-A6AB-CD198D15278D}" dt="2022-12-17T14:34:12.931" v="2859" actId="47"/>
        <pc:sldMkLst>
          <pc:docMk/>
          <pc:sldMk cId="2650260157" sldId="302"/>
        </pc:sldMkLst>
      </pc:sldChg>
      <pc:sldChg chg="new">
        <pc:chgData name="Nikolas Vitaliti" userId="8c720cfb-423e-41d2-902f-4cf486698773" providerId="ADAL" clId="{7F2E300A-988E-4BAC-A6AB-CD198D15278D}" dt="2022-12-16T15:09:16.741" v="1855" actId="680"/>
        <pc:sldMkLst>
          <pc:docMk/>
          <pc:sldMk cId="3035621849" sldId="303"/>
        </pc:sldMkLst>
      </pc:sldChg>
      <pc:sldChg chg="addSp delSp modSp mod ord">
        <pc:chgData name="Nikolas Vitaliti" userId="8c720cfb-423e-41d2-902f-4cf486698773" providerId="ADAL" clId="{7F2E300A-988E-4BAC-A6AB-CD198D15278D}" dt="2022-12-17T14:42:41.784" v="2886"/>
        <pc:sldMkLst>
          <pc:docMk/>
          <pc:sldMk cId="3188776685" sldId="304"/>
        </pc:sldMkLst>
        <pc:spChg chg="add del mod">
          <ac:chgData name="Nikolas Vitaliti" userId="8c720cfb-423e-41d2-902f-4cf486698773" providerId="ADAL" clId="{7F2E300A-988E-4BAC-A6AB-CD198D15278D}" dt="2022-12-17T14:31:29.319" v="2831" actId="478"/>
          <ac:spMkLst>
            <pc:docMk/>
            <pc:sldMk cId="3188776685" sldId="304"/>
            <ac:spMk id="3" creationId="{7956C7BB-4835-51D2-6AD1-B0D2B01C488C}"/>
          </ac:spMkLst>
        </pc:spChg>
        <pc:spChg chg="del mod">
          <ac:chgData name="Nikolas Vitaliti" userId="8c720cfb-423e-41d2-902f-4cf486698773" providerId="ADAL" clId="{7F2E300A-988E-4BAC-A6AB-CD198D15278D}" dt="2022-12-17T14:31:24.868" v="2829" actId="478"/>
          <ac:spMkLst>
            <pc:docMk/>
            <pc:sldMk cId="3188776685" sldId="304"/>
            <ac:spMk id="6" creationId="{6D600F5E-D77C-FE72-AA2D-7B319DB970E2}"/>
          </ac:spMkLst>
        </pc:spChg>
        <pc:spChg chg="mod">
          <ac:chgData name="Nikolas Vitaliti" userId="8c720cfb-423e-41d2-902f-4cf486698773" providerId="ADAL" clId="{7F2E300A-988E-4BAC-A6AB-CD198D15278D}" dt="2022-12-16T15:55:16.193" v="2739" actId="1076"/>
          <ac:spMkLst>
            <pc:docMk/>
            <pc:sldMk cId="3188776685" sldId="304"/>
            <ac:spMk id="10" creationId="{557224BB-207D-A9DF-54E9-06F7B580B4C9}"/>
          </ac:spMkLst>
        </pc:spChg>
        <pc:graphicFrameChg chg="mod modGraphic">
          <ac:chgData name="Nikolas Vitaliti" userId="8c720cfb-423e-41d2-902f-4cf486698773" providerId="ADAL" clId="{7F2E300A-988E-4BAC-A6AB-CD198D15278D}" dt="2022-12-17T14:31:44.429" v="2834" actId="1076"/>
          <ac:graphicFrameMkLst>
            <pc:docMk/>
            <pc:sldMk cId="3188776685" sldId="304"/>
            <ac:graphicFrameMk id="9" creationId="{F73B73AD-CC82-156F-BCAE-4813A2DA4111}"/>
          </ac:graphicFrameMkLst>
        </pc:graphicFrameChg>
        <pc:picChg chg="del">
          <ac:chgData name="Nikolas Vitaliti" userId="8c720cfb-423e-41d2-902f-4cf486698773" providerId="ADAL" clId="{7F2E300A-988E-4BAC-A6AB-CD198D15278D}" dt="2022-12-17T14:31:26.815" v="2830" actId="478"/>
          <ac:picMkLst>
            <pc:docMk/>
            <pc:sldMk cId="3188776685" sldId="304"/>
            <ac:picMk id="5" creationId="{7DDEFCA3-DCB2-7506-BEA6-41E16A3111AB}"/>
          </ac:picMkLst>
        </pc:picChg>
      </pc:sldChg>
      <pc:sldChg chg="addSp delSp modSp new mod">
        <pc:chgData name="Nikolas Vitaliti" userId="8c720cfb-423e-41d2-902f-4cf486698773" providerId="ADAL" clId="{7F2E300A-988E-4BAC-A6AB-CD198D15278D}" dt="2022-12-18T12:21:49.589" v="3934" actId="20577"/>
        <pc:sldMkLst>
          <pc:docMk/>
          <pc:sldMk cId="4162553611" sldId="305"/>
        </pc:sldMkLst>
        <pc:spChg chg="del mod">
          <ac:chgData name="Nikolas Vitaliti" userId="8c720cfb-423e-41d2-902f-4cf486698773" providerId="ADAL" clId="{7F2E300A-988E-4BAC-A6AB-CD198D15278D}" dt="2022-12-16T15:18:03.411" v="1926" actId="478"/>
          <ac:spMkLst>
            <pc:docMk/>
            <pc:sldMk cId="4162553611" sldId="305"/>
            <ac:spMk id="2" creationId="{C1DA0A76-0728-1B40-1A5D-17DD551CDFF9}"/>
          </ac:spMkLst>
        </pc:spChg>
        <pc:spChg chg="del">
          <ac:chgData name="Nikolas Vitaliti" userId="8c720cfb-423e-41d2-902f-4cf486698773" providerId="ADAL" clId="{7F2E300A-988E-4BAC-A6AB-CD198D15278D}" dt="2022-12-16T15:16:10.601" v="1872" actId="22"/>
          <ac:spMkLst>
            <pc:docMk/>
            <pc:sldMk cId="4162553611" sldId="305"/>
            <ac:spMk id="3" creationId="{CD7E4A39-07CF-6634-D44D-C178647E212B}"/>
          </ac:spMkLst>
        </pc:spChg>
        <pc:spChg chg="add mod">
          <ac:chgData name="Nikolas Vitaliti" userId="8c720cfb-423e-41d2-902f-4cf486698773" providerId="ADAL" clId="{7F2E300A-988E-4BAC-A6AB-CD198D15278D}" dt="2022-12-16T15:18:08.818" v="1927" actId="1076"/>
          <ac:spMkLst>
            <pc:docMk/>
            <pc:sldMk cId="4162553611" sldId="305"/>
            <ac:spMk id="7" creationId="{06C9DEA0-44C8-9002-504C-1D1AFDBF1525}"/>
          </ac:spMkLst>
        </pc:spChg>
        <pc:spChg chg="add mod">
          <ac:chgData name="Nikolas Vitaliti" userId="8c720cfb-423e-41d2-902f-4cf486698773" providerId="ADAL" clId="{7F2E300A-988E-4BAC-A6AB-CD198D15278D}" dt="2022-12-16T15:18:08.818" v="1927" actId="1076"/>
          <ac:spMkLst>
            <pc:docMk/>
            <pc:sldMk cId="4162553611" sldId="305"/>
            <ac:spMk id="8" creationId="{736F43B4-D676-DBD0-31B6-822180B53A59}"/>
          </ac:spMkLst>
        </pc:spChg>
        <pc:spChg chg="add mod">
          <ac:chgData name="Nikolas Vitaliti" userId="8c720cfb-423e-41d2-902f-4cf486698773" providerId="ADAL" clId="{7F2E300A-988E-4BAC-A6AB-CD198D15278D}" dt="2022-12-16T15:56:07.645" v="2742" actId="113"/>
          <ac:spMkLst>
            <pc:docMk/>
            <pc:sldMk cId="4162553611" sldId="305"/>
            <ac:spMk id="9" creationId="{FD7A3B12-8840-0549-9986-3038107BDF75}"/>
          </ac:spMkLst>
        </pc:spChg>
        <pc:spChg chg="add del mod">
          <ac:chgData name="Nikolas Vitaliti" userId="8c720cfb-423e-41d2-902f-4cf486698773" providerId="ADAL" clId="{7F2E300A-988E-4BAC-A6AB-CD198D15278D}" dt="2022-12-16T15:29:16.087" v="2087" actId="478"/>
          <ac:spMkLst>
            <pc:docMk/>
            <pc:sldMk cId="4162553611" sldId="305"/>
            <ac:spMk id="10" creationId="{53938802-89B8-3E20-83EC-CAE51DB5F6C8}"/>
          </ac:spMkLst>
        </pc:spChg>
        <pc:spChg chg="add mod">
          <ac:chgData name="Nikolas Vitaliti" userId="8c720cfb-423e-41d2-902f-4cf486698773" providerId="ADAL" clId="{7F2E300A-988E-4BAC-A6AB-CD198D15278D}" dt="2022-12-18T12:21:49.589" v="3934" actId="20577"/>
          <ac:spMkLst>
            <pc:docMk/>
            <pc:sldMk cId="4162553611" sldId="305"/>
            <ac:spMk id="13" creationId="{9FD81746-0B0A-D0F2-47E1-54663AFAE383}"/>
          </ac:spMkLst>
        </pc:spChg>
        <pc:picChg chg="add del mod ord">
          <ac:chgData name="Nikolas Vitaliti" userId="8c720cfb-423e-41d2-902f-4cf486698773" providerId="ADAL" clId="{7F2E300A-988E-4BAC-A6AB-CD198D15278D}" dt="2022-12-16T15:25:21.279" v="2077" actId="21"/>
          <ac:picMkLst>
            <pc:docMk/>
            <pc:sldMk cId="4162553611" sldId="305"/>
            <ac:picMk id="6" creationId="{61658E30-B5E6-C71B-5D25-4CA0F6B5BD28}"/>
          </ac:picMkLst>
        </pc:picChg>
        <pc:picChg chg="add mod">
          <ac:chgData name="Nikolas Vitaliti" userId="8c720cfb-423e-41d2-902f-4cf486698773" providerId="ADAL" clId="{7F2E300A-988E-4BAC-A6AB-CD198D15278D}" dt="2022-12-16T15:56:01.309" v="2741" actId="1076"/>
          <ac:picMkLst>
            <pc:docMk/>
            <pc:sldMk cId="4162553611" sldId="305"/>
            <ac:picMk id="12" creationId="{5296D5A9-0A6D-6CFE-39BE-CC704982731A}"/>
          </ac:picMkLst>
        </pc:picChg>
      </pc:sldChg>
      <pc:sldChg chg="addSp delSp modSp new del">
        <pc:chgData name="Nikolas Vitaliti" userId="8c720cfb-423e-41d2-902f-4cf486698773" providerId="ADAL" clId="{7F2E300A-988E-4BAC-A6AB-CD198D15278D}" dt="2022-12-16T15:55:29.200" v="2740" actId="47"/>
        <pc:sldMkLst>
          <pc:docMk/>
          <pc:sldMk cId="3870353781" sldId="306"/>
        </pc:sldMkLst>
        <pc:spChg chg="add del">
          <ac:chgData name="Nikolas Vitaliti" userId="8c720cfb-423e-41d2-902f-4cf486698773" providerId="ADAL" clId="{7F2E300A-988E-4BAC-A6AB-CD198D15278D}" dt="2022-12-16T15:52:53.209" v="2685"/>
          <ac:spMkLst>
            <pc:docMk/>
            <pc:sldMk cId="3870353781" sldId="306"/>
            <ac:spMk id="3" creationId="{B516B138-9C9F-465F-0B3F-26C4D7ACEF48}"/>
          </ac:spMkLst>
        </pc:spChg>
        <pc:graphicFrameChg chg="add del mod">
          <ac:chgData name="Nikolas Vitaliti" userId="8c720cfb-423e-41d2-902f-4cf486698773" providerId="ADAL" clId="{7F2E300A-988E-4BAC-A6AB-CD198D15278D}" dt="2022-12-16T15:52:53.209" v="2685"/>
          <ac:graphicFrameMkLst>
            <pc:docMk/>
            <pc:sldMk cId="3870353781" sldId="306"/>
            <ac:graphicFrameMk id="5" creationId="{3CBA2A12-85BB-CDAF-457E-060B2D05BA4D}"/>
          </ac:graphicFrameMkLst>
        </pc:graphicFrameChg>
      </pc:sldChg>
      <pc:sldChg chg="add del">
        <pc:chgData name="Nikolas Vitaliti" userId="8c720cfb-423e-41d2-902f-4cf486698773" providerId="ADAL" clId="{7F2E300A-988E-4BAC-A6AB-CD198D15278D}" dt="2022-12-16T15:25:42.133" v="2082"/>
        <pc:sldMkLst>
          <pc:docMk/>
          <pc:sldMk cId="3978438872" sldId="306"/>
        </pc:sldMkLst>
      </pc:sldChg>
      <pc:sldChg chg="modSp mod">
        <pc:chgData name="Nikolas Vitaliti" userId="8c720cfb-423e-41d2-902f-4cf486698773" providerId="ADAL" clId="{7F2E300A-988E-4BAC-A6AB-CD198D15278D}" dt="2022-12-17T15:54:07.481" v="3816" actId="20577"/>
        <pc:sldMkLst>
          <pc:docMk/>
          <pc:sldMk cId="4113698000" sldId="306"/>
        </pc:sldMkLst>
        <pc:spChg chg="mod">
          <ac:chgData name="Nikolas Vitaliti" userId="8c720cfb-423e-41d2-902f-4cf486698773" providerId="ADAL" clId="{7F2E300A-988E-4BAC-A6AB-CD198D15278D}" dt="2022-12-17T14:33:10.699" v="2852" actId="1076"/>
          <ac:spMkLst>
            <pc:docMk/>
            <pc:sldMk cId="4113698000" sldId="306"/>
            <ac:spMk id="6" creationId="{E1794BC6-D153-6BAA-1484-20939995FCA5}"/>
          </ac:spMkLst>
        </pc:spChg>
        <pc:spChg chg="mod">
          <ac:chgData name="Nikolas Vitaliti" userId="8c720cfb-423e-41d2-902f-4cf486698773" providerId="ADAL" clId="{7F2E300A-988E-4BAC-A6AB-CD198D15278D}" dt="2022-12-17T15:54:07.481" v="3816" actId="20577"/>
          <ac:spMkLst>
            <pc:docMk/>
            <pc:sldMk cId="4113698000" sldId="306"/>
            <ac:spMk id="8" creationId="{6E9116A5-6AA9-43F6-BA9C-8A35E6B155C5}"/>
          </ac:spMkLst>
        </pc:spChg>
      </pc:sldChg>
      <pc:sldChg chg="addSp delSp modSp mod">
        <pc:chgData name="Nikolas Vitaliti" userId="8c720cfb-423e-41d2-902f-4cf486698773" providerId="ADAL" clId="{7F2E300A-988E-4BAC-A6AB-CD198D15278D}" dt="2022-12-17T15:28:48.354" v="3715" actId="20577"/>
        <pc:sldMkLst>
          <pc:docMk/>
          <pc:sldMk cId="1527060390" sldId="308"/>
        </pc:sldMkLst>
        <pc:spChg chg="mod">
          <ac:chgData name="Nikolas Vitaliti" userId="8c720cfb-423e-41d2-902f-4cf486698773" providerId="ADAL" clId="{7F2E300A-988E-4BAC-A6AB-CD198D15278D}" dt="2022-12-17T15:28:48.354" v="3715" actId="20577"/>
          <ac:spMkLst>
            <pc:docMk/>
            <pc:sldMk cId="1527060390" sldId="308"/>
            <ac:spMk id="3" creationId="{DE3D43CB-4841-808A-3D72-80FCE0CD191F}"/>
          </ac:spMkLst>
        </pc:spChg>
        <pc:spChg chg="add del mod">
          <ac:chgData name="Nikolas Vitaliti" userId="8c720cfb-423e-41d2-902f-4cf486698773" providerId="ADAL" clId="{7F2E300A-988E-4BAC-A6AB-CD198D15278D}" dt="2022-12-17T15:27:44.080" v="3669"/>
          <ac:spMkLst>
            <pc:docMk/>
            <pc:sldMk cId="1527060390" sldId="308"/>
            <ac:spMk id="5" creationId="{529D21EA-929D-3D65-328A-AF1597F18411}"/>
          </ac:spMkLst>
        </pc:spChg>
      </pc:sldChg>
      <pc:sldChg chg="addSp delSp modSp new mod">
        <pc:chgData name="Nikolas Vitaliti" userId="8c720cfb-423e-41d2-902f-4cf486698773" providerId="ADAL" clId="{7F2E300A-988E-4BAC-A6AB-CD198D15278D}" dt="2022-12-17T15:01:38.329" v="3000" actId="1076"/>
        <pc:sldMkLst>
          <pc:docMk/>
          <pc:sldMk cId="2063457614" sldId="309"/>
        </pc:sldMkLst>
        <pc:spChg chg="del mod">
          <ac:chgData name="Nikolas Vitaliti" userId="8c720cfb-423e-41d2-902f-4cf486698773" providerId="ADAL" clId="{7F2E300A-988E-4BAC-A6AB-CD198D15278D}" dt="2022-12-17T14:58:37.726" v="2991" actId="478"/>
          <ac:spMkLst>
            <pc:docMk/>
            <pc:sldMk cId="2063457614" sldId="309"/>
            <ac:spMk id="2" creationId="{D89E30C6-6A32-6791-1ACD-8C1BA9B1FD4C}"/>
          </ac:spMkLst>
        </pc:spChg>
        <pc:spChg chg="del">
          <ac:chgData name="Nikolas Vitaliti" userId="8c720cfb-423e-41d2-902f-4cf486698773" providerId="ADAL" clId="{7F2E300A-988E-4BAC-A6AB-CD198D15278D}" dt="2022-12-17T14:55:04.102" v="2966" actId="1032"/>
          <ac:spMkLst>
            <pc:docMk/>
            <pc:sldMk cId="2063457614" sldId="309"/>
            <ac:spMk id="3" creationId="{548C8B8E-50ED-ED58-5127-293C3B805CD8}"/>
          </ac:spMkLst>
        </pc:spChg>
        <pc:spChg chg="add mod">
          <ac:chgData name="Nikolas Vitaliti" userId="8c720cfb-423e-41d2-902f-4cf486698773" providerId="ADAL" clId="{7F2E300A-988E-4BAC-A6AB-CD198D15278D}" dt="2022-12-17T14:58:49.095" v="2992" actId="1076"/>
          <ac:spMkLst>
            <pc:docMk/>
            <pc:sldMk cId="2063457614" sldId="309"/>
            <ac:spMk id="9" creationId="{CFE55555-BC6E-9AAD-391B-DC4CDE8ACC42}"/>
          </ac:spMkLst>
        </pc:spChg>
        <pc:spChg chg="add mod">
          <ac:chgData name="Nikolas Vitaliti" userId="8c720cfb-423e-41d2-902f-4cf486698773" providerId="ADAL" clId="{7F2E300A-988E-4BAC-A6AB-CD198D15278D}" dt="2022-12-17T14:58:49.095" v="2992" actId="1076"/>
          <ac:spMkLst>
            <pc:docMk/>
            <pc:sldMk cId="2063457614" sldId="309"/>
            <ac:spMk id="10" creationId="{262FD493-FD72-99BE-E7ED-62446E9BDA5D}"/>
          </ac:spMkLst>
        </pc:spChg>
        <pc:graphicFrameChg chg="add mod modGraphic">
          <ac:chgData name="Nikolas Vitaliti" userId="8c720cfb-423e-41d2-902f-4cf486698773" providerId="ADAL" clId="{7F2E300A-988E-4BAC-A6AB-CD198D15278D}" dt="2022-12-17T15:01:38.329" v="3000" actId="1076"/>
          <ac:graphicFrameMkLst>
            <pc:docMk/>
            <pc:sldMk cId="2063457614" sldId="309"/>
            <ac:graphicFrameMk id="5" creationId="{69F306ED-D4ED-5642-D2FD-6534FCE7FB53}"/>
          </ac:graphicFrameMkLst>
        </pc:graphicFrameChg>
        <pc:cxnChg chg="add mod">
          <ac:chgData name="Nikolas Vitaliti" userId="8c720cfb-423e-41d2-902f-4cf486698773" providerId="ADAL" clId="{7F2E300A-988E-4BAC-A6AB-CD198D15278D}" dt="2022-12-17T15:01:38.329" v="3000" actId="1076"/>
          <ac:cxnSpMkLst>
            <pc:docMk/>
            <pc:sldMk cId="2063457614" sldId="309"/>
            <ac:cxnSpMk id="7" creationId="{1D3C1EFD-28E0-B193-F9CD-56BE422C829F}"/>
          </ac:cxnSpMkLst>
        </pc:cxnChg>
      </pc:sldChg>
      <pc:sldChg chg="new">
        <pc:chgData name="Nikolas Vitaliti" userId="8c720cfb-423e-41d2-902f-4cf486698773" providerId="ADAL" clId="{7F2E300A-988E-4BAC-A6AB-CD198D15278D}" dt="2022-12-17T14:54:19.314" v="2962" actId="680"/>
        <pc:sldMkLst>
          <pc:docMk/>
          <pc:sldMk cId="2153229771" sldId="309"/>
        </pc:sldMkLst>
      </pc:sldChg>
      <pc:sldChg chg="addSp delSp modSp new mod">
        <pc:chgData name="Nikolas Vitaliti" userId="8c720cfb-423e-41d2-902f-4cf486698773" providerId="ADAL" clId="{7F2E300A-988E-4BAC-A6AB-CD198D15278D}" dt="2022-12-18T16:15:00.666" v="4028" actId="207"/>
        <pc:sldMkLst>
          <pc:docMk/>
          <pc:sldMk cId="4264824158" sldId="310"/>
        </pc:sldMkLst>
        <pc:spChg chg="del mod">
          <ac:chgData name="Nikolas Vitaliti" userId="8c720cfb-423e-41d2-902f-4cf486698773" providerId="ADAL" clId="{7F2E300A-988E-4BAC-A6AB-CD198D15278D}" dt="2022-12-17T15:13:07.951" v="3005" actId="478"/>
          <ac:spMkLst>
            <pc:docMk/>
            <pc:sldMk cId="4264824158" sldId="310"/>
            <ac:spMk id="2" creationId="{65AB0BC7-784A-7B53-32EE-672920AD1D2C}"/>
          </ac:spMkLst>
        </pc:spChg>
        <pc:spChg chg="del">
          <ac:chgData name="Nikolas Vitaliti" userId="8c720cfb-423e-41d2-902f-4cf486698773" providerId="ADAL" clId="{7F2E300A-988E-4BAC-A6AB-CD198D15278D}" dt="2022-12-17T15:13:18.933" v="3007"/>
          <ac:spMkLst>
            <pc:docMk/>
            <pc:sldMk cId="4264824158" sldId="310"/>
            <ac:spMk id="3" creationId="{8B28FDF0-165C-D6A2-060A-AE78A3C2E4FA}"/>
          </ac:spMkLst>
        </pc:spChg>
        <pc:spChg chg="add mod">
          <ac:chgData name="Nikolas Vitaliti" userId="8c720cfb-423e-41d2-902f-4cf486698773" providerId="ADAL" clId="{7F2E300A-988E-4BAC-A6AB-CD198D15278D}" dt="2022-12-17T15:13:03.694" v="3003"/>
          <ac:spMkLst>
            <pc:docMk/>
            <pc:sldMk cId="4264824158" sldId="310"/>
            <ac:spMk id="5" creationId="{34877D03-D1D2-EED2-97FC-1E5A797E92E8}"/>
          </ac:spMkLst>
        </pc:spChg>
        <pc:spChg chg="add mod">
          <ac:chgData name="Nikolas Vitaliti" userId="8c720cfb-423e-41d2-902f-4cf486698773" providerId="ADAL" clId="{7F2E300A-988E-4BAC-A6AB-CD198D15278D}" dt="2022-12-17T15:13:03.694" v="3003"/>
          <ac:spMkLst>
            <pc:docMk/>
            <pc:sldMk cId="4264824158" sldId="310"/>
            <ac:spMk id="6" creationId="{30FD2BFE-A430-036E-4EA2-A3B20C76B5F9}"/>
          </ac:spMkLst>
        </pc:spChg>
        <pc:spChg chg="add del mod">
          <ac:chgData name="Nikolas Vitaliti" userId="8c720cfb-423e-41d2-902f-4cf486698773" providerId="ADAL" clId="{7F2E300A-988E-4BAC-A6AB-CD198D15278D}" dt="2022-12-17T15:20:03.019" v="3404"/>
          <ac:spMkLst>
            <pc:docMk/>
            <pc:sldMk cId="4264824158" sldId="310"/>
            <ac:spMk id="8" creationId="{EE1ECDEF-861E-B7D6-348F-5B7935DB4921}"/>
          </ac:spMkLst>
        </pc:spChg>
        <pc:spChg chg="add mod">
          <ac:chgData name="Nikolas Vitaliti" userId="8c720cfb-423e-41d2-902f-4cf486698773" providerId="ADAL" clId="{7F2E300A-988E-4BAC-A6AB-CD198D15278D}" dt="2022-12-18T16:15:00.666" v="4028" actId="207"/>
          <ac:spMkLst>
            <pc:docMk/>
            <pc:sldMk cId="4264824158" sldId="310"/>
            <ac:spMk id="9" creationId="{C424A878-EF61-94A3-F20A-CEB7BDA2E6C6}"/>
          </ac:spMkLst>
        </pc:spChg>
        <pc:spChg chg="add del mod">
          <ac:chgData name="Nikolas Vitaliti" userId="8c720cfb-423e-41d2-902f-4cf486698773" providerId="ADAL" clId="{7F2E300A-988E-4BAC-A6AB-CD198D15278D}" dt="2022-12-17T16:01:56.785" v="3847" actId="478"/>
          <ac:spMkLst>
            <pc:docMk/>
            <pc:sldMk cId="4264824158" sldId="310"/>
            <ac:spMk id="11" creationId="{F2DADD66-C29C-AD89-1C99-428797B336DB}"/>
          </ac:spMkLst>
        </pc:spChg>
        <pc:spChg chg="add del mod">
          <ac:chgData name="Nikolas Vitaliti" userId="8c720cfb-423e-41d2-902f-4cf486698773" providerId="ADAL" clId="{7F2E300A-988E-4BAC-A6AB-CD198D15278D}" dt="2022-12-18T12:39:23.201" v="4016" actId="478"/>
          <ac:spMkLst>
            <pc:docMk/>
            <pc:sldMk cId="4264824158" sldId="310"/>
            <ac:spMk id="12" creationId="{0EB267CE-CF12-47C3-2738-F1994FE3E823}"/>
          </ac:spMkLst>
        </pc:spChg>
        <pc:picChg chg="add mod">
          <ac:chgData name="Nikolas Vitaliti" userId="8c720cfb-423e-41d2-902f-4cf486698773" providerId="ADAL" clId="{7F2E300A-988E-4BAC-A6AB-CD198D15278D}" dt="2022-12-17T15:20:18.517" v="3407" actId="1076"/>
          <ac:picMkLst>
            <pc:docMk/>
            <pc:sldMk cId="4264824158" sldId="310"/>
            <ac:picMk id="7" creationId="{05A1AA76-D39B-E44C-9AB4-ACD63A44C9C9}"/>
          </ac:picMkLst>
        </pc:picChg>
      </pc:sldChg>
      <pc:sldChg chg="modSp mod">
        <pc:chgData name="Nikolas Vitaliti" userId="8c720cfb-423e-41d2-902f-4cf486698773" providerId="ADAL" clId="{7F2E300A-988E-4BAC-A6AB-CD198D15278D}" dt="2022-12-17T15:57:18.744" v="3845" actId="1076"/>
        <pc:sldMkLst>
          <pc:docMk/>
          <pc:sldMk cId="3397448680" sldId="311"/>
        </pc:sldMkLst>
        <pc:spChg chg="mod">
          <ac:chgData name="Nikolas Vitaliti" userId="8c720cfb-423e-41d2-902f-4cf486698773" providerId="ADAL" clId="{7F2E300A-988E-4BAC-A6AB-CD198D15278D}" dt="2022-12-17T15:57:18.744" v="3845" actId="1076"/>
          <ac:spMkLst>
            <pc:docMk/>
            <pc:sldMk cId="3397448680" sldId="311"/>
            <ac:spMk id="5" creationId="{1436B352-7EE4-C8AE-1AB2-69755390FE3D}"/>
          </ac:spMkLst>
        </pc:spChg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0_2">
  <dgm:title val=""/>
  <dgm:desc val=""/>
  <dgm:catLst>
    <dgm:cat type="mainScheme" pri="10200"/>
  </dgm:catLst>
  <dgm:styleLbl name="node0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node1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lignNode1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lnNode1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dk2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node3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node4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fgImgPlace1">
    <dgm:fillClrLst meth="repeat">
      <a:schemeClr val="dk2">
        <a:tint val="4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dk2">
        <a:tint val="4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dk2">
        <a:tint val="4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dk2"/>
    </dgm:txFillClrLst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dk2"/>
    </dgm:txFillClrLst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dk2"/>
    </dgm:txFillClrLst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sst1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sst2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sst3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asst4">
    <dgm:fillClrLst meth="repeat">
      <a:schemeClr val="lt1"/>
    </dgm:fillClrLst>
    <dgm:linClrLst meth="repeat">
      <a:schemeClr val="dk2">
        <a:shade val="80000"/>
      </a:schemeClr>
    </dgm:linClrLst>
    <dgm:effectClrLst/>
    <dgm:txLinClrLst/>
    <dgm:txFillClrLst meth="repeat">
      <a:schemeClr val="dk2"/>
    </dgm:txFillClrLst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conFgAcc1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alignAcc1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trAlignAcc1">
    <dgm:fillClrLst meth="repeat">
      <a:schemeClr val="dk2">
        <a:alpha val="4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bgAcc1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solidFgAcc1">
    <dgm:fillClrLst meth="repeat">
      <a:schemeClr val="lt1"/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solidAlignAcc1">
    <dgm:fillClrLst meth="repeat">
      <a:schemeClr val="lt1"/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solidBgAcc1">
    <dgm:fillClrLst meth="repeat">
      <a:schemeClr val="lt1"/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dk2">
        <a:alpha val="90000"/>
      </a:schemeClr>
    </dgm:linClrLst>
    <dgm:effectClrLst/>
    <dgm:txLinClrLst/>
    <dgm:txFillClrLst meth="repeat">
      <a:schemeClr val="dk2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dk2">
        <a:alpha val="90000"/>
      </a:schemeClr>
    </dgm:linClrLst>
    <dgm:effectClrLst/>
    <dgm:txLinClrLst/>
    <dgm:txFillClrLst meth="repeat">
      <a:schemeClr val="dk2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dk2">
        <a:alpha val="90000"/>
      </a:schemeClr>
    </dgm:linClrLst>
    <dgm:effectClrLst/>
    <dgm:txLinClrLst/>
    <dgm:txFillClrLst meth="repeat">
      <a:schemeClr val="dk2"/>
    </dgm:txFillClrLst>
    <dgm:txEffectClrLst/>
  </dgm:styleLbl>
  <dgm:styleLbl name="fgAcc0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fgAcc2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fgAcc3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fgAcc4">
    <dgm:fillClrLst meth="repeat">
      <a:schemeClr val="dk2">
        <a:alpha val="90000"/>
        <a:tint val="40000"/>
      </a:schemeClr>
    </dgm:fillClrLst>
    <dgm:linClrLst meth="repeat">
      <a:schemeClr val="dk2"/>
    </dgm:linClrLst>
    <dgm:effectClrLst/>
    <dgm:txLinClrLst/>
    <dgm:txFillClrLst meth="repeat">
      <a:schemeClr val="dk2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1"/>
    </dgm:linClrLst>
    <dgm:effectClrLst/>
    <dgm:txLinClrLst/>
    <dgm:txFillClrLst meth="repeat">
      <a:schemeClr val="dk2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2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C55B527-B640-42E4-A98E-4CC6E73659E5}" type="doc">
      <dgm:prSet loTypeId="urn:microsoft.com/office/officeart/2005/8/layout/hierarchy2" loCatId="hierarchy" qsTypeId="urn:microsoft.com/office/officeart/2005/8/quickstyle/3d3" qsCatId="3D" csTypeId="urn:microsoft.com/office/officeart/2005/8/colors/accent0_2" csCatId="mainScheme" phldr="1"/>
      <dgm:spPr/>
      <dgm:t>
        <a:bodyPr/>
        <a:lstStyle/>
        <a:p>
          <a:endParaRPr lang="en-GB"/>
        </a:p>
      </dgm:t>
    </dgm:pt>
    <dgm:pt modelId="{DE7F9C23-23ED-464C-9B7D-066EEE6F2096}">
      <dgm:prSet phldrT="[Text]"/>
      <dgm:spPr/>
      <dgm:t>
        <a:bodyPr/>
        <a:lstStyle/>
        <a:p>
          <a:r>
            <a:rPr lang="sv-SE" err="1">
              <a:latin typeface="Arial"/>
            </a:rPr>
            <a:t>Electrodepositon</a:t>
          </a:r>
          <a:endParaRPr lang="en-GB" err="1"/>
        </a:p>
      </dgm:t>
    </dgm:pt>
    <dgm:pt modelId="{F2763411-7963-4C01-BD7A-BBC74F66B8C1}" type="parTrans" cxnId="{90176A6F-46CA-4B94-8860-284D6BB14FCA}">
      <dgm:prSet/>
      <dgm:spPr/>
      <dgm:t>
        <a:bodyPr/>
        <a:lstStyle/>
        <a:p>
          <a:endParaRPr lang="en-GB"/>
        </a:p>
      </dgm:t>
    </dgm:pt>
    <dgm:pt modelId="{DD437963-A934-4FAA-8C3D-AB35AA27446D}" type="sibTrans" cxnId="{90176A6F-46CA-4B94-8860-284D6BB14FCA}">
      <dgm:prSet/>
      <dgm:spPr/>
      <dgm:t>
        <a:bodyPr/>
        <a:lstStyle/>
        <a:p>
          <a:endParaRPr lang="en-GB"/>
        </a:p>
      </dgm:t>
    </dgm:pt>
    <dgm:pt modelId="{44FAA55C-AC02-4958-9B12-F118FB37B287}">
      <dgm:prSet phldrT="[Text]" phldr="0"/>
      <dgm:spPr/>
      <dgm:t>
        <a:bodyPr/>
        <a:lstStyle/>
        <a:p>
          <a:pPr rtl="0"/>
          <a:r>
            <a:rPr lang="sv-SE">
              <a:latin typeface="Arial"/>
            </a:rPr>
            <a:t> </a:t>
          </a:r>
          <a:r>
            <a:rPr lang="sv-SE" err="1">
              <a:latin typeface="Arial"/>
            </a:rPr>
            <a:t>Potentiodynamic</a:t>
          </a:r>
          <a:endParaRPr lang="sv-SE" err="1"/>
        </a:p>
      </dgm:t>
    </dgm:pt>
    <dgm:pt modelId="{3A8DBAE6-05C7-43B9-AD0F-524C362A6C27}" type="parTrans" cxnId="{A4693904-1F43-4B4F-BC3C-BD158273C97E}">
      <dgm:prSet/>
      <dgm:spPr/>
      <dgm:t>
        <a:bodyPr/>
        <a:lstStyle/>
        <a:p>
          <a:endParaRPr lang="en-GB"/>
        </a:p>
      </dgm:t>
    </dgm:pt>
    <dgm:pt modelId="{994F1544-468C-4D8A-ACCA-1CF1C750FC91}" type="sibTrans" cxnId="{A4693904-1F43-4B4F-BC3C-BD158273C97E}">
      <dgm:prSet/>
      <dgm:spPr/>
      <dgm:t>
        <a:bodyPr/>
        <a:lstStyle/>
        <a:p>
          <a:endParaRPr lang="en-GB"/>
        </a:p>
      </dgm:t>
    </dgm:pt>
    <dgm:pt modelId="{336B5B52-1537-4D57-AAAD-6F8082A47AAE}">
      <dgm:prSet phldrT="[Text]" phldr="0"/>
      <dgm:spPr/>
      <dgm:t>
        <a:bodyPr/>
        <a:lstStyle/>
        <a:p>
          <a:pPr rtl="0"/>
          <a:r>
            <a:rPr lang="sv-SE">
              <a:latin typeface="Arial"/>
            </a:rPr>
            <a:t> CV </a:t>
          </a:r>
          <a:r>
            <a:rPr lang="sv-SE" err="1">
              <a:latin typeface="Arial"/>
            </a:rPr>
            <a:t>characterization</a:t>
          </a:r>
          <a:endParaRPr lang="sv-SE"/>
        </a:p>
      </dgm:t>
    </dgm:pt>
    <dgm:pt modelId="{DF7FBE4F-01C7-4350-B32E-3D32EE0A15B8}" type="parTrans" cxnId="{C7DE2E36-4110-4ED2-96B1-C54ECEEF7D0C}">
      <dgm:prSet/>
      <dgm:spPr/>
      <dgm:t>
        <a:bodyPr/>
        <a:lstStyle/>
        <a:p>
          <a:endParaRPr lang="en-GB"/>
        </a:p>
      </dgm:t>
    </dgm:pt>
    <dgm:pt modelId="{8E507105-DBA2-4CE0-843C-09478D95C920}" type="sibTrans" cxnId="{C7DE2E36-4110-4ED2-96B1-C54ECEEF7D0C}">
      <dgm:prSet/>
      <dgm:spPr/>
      <dgm:t>
        <a:bodyPr/>
        <a:lstStyle/>
        <a:p>
          <a:endParaRPr lang="en-GB"/>
        </a:p>
      </dgm:t>
    </dgm:pt>
    <dgm:pt modelId="{2072C5C6-A707-4CC5-8D73-9C64B9365B72}">
      <dgm:prSet phldrT="[Text]" phldr="0"/>
      <dgm:spPr/>
      <dgm:t>
        <a:bodyPr/>
        <a:lstStyle/>
        <a:p>
          <a:pPr rtl="0"/>
          <a:r>
            <a:rPr lang="sv-SE">
              <a:latin typeface="Arial"/>
            </a:rPr>
            <a:t> </a:t>
          </a:r>
          <a:r>
            <a:rPr lang="sv-SE" err="1">
              <a:latin typeface="Arial"/>
            </a:rPr>
            <a:t>Potentiostatic</a:t>
          </a:r>
          <a:r>
            <a:rPr lang="sv-SE">
              <a:latin typeface="Arial"/>
            </a:rPr>
            <a:t> </a:t>
          </a:r>
          <a:endParaRPr lang="sv-SE"/>
        </a:p>
      </dgm:t>
    </dgm:pt>
    <dgm:pt modelId="{BE856B81-3795-4343-B1D8-C898562245F1}" type="parTrans" cxnId="{DF9D5820-C9F6-4752-84C0-336B1E5CE625}">
      <dgm:prSet/>
      <dgm:spPr/>
      <dgm:t>
        <a:bodyPr/>
        <a:lstStyle/>
        <a:p>
          <a:endParaRPr lang="en-GB"/>
        </a:p>
      </dgm:t>
    </dgm:pt>
    <dgm:pt modelId="{28A80CC9-EAA5-4FD0-9455-7D55C23E51AF}" type="sibTrans" cxnId="{DF9D5820-C9F6-4752-84C0-336B1E5CE625}">
      <dgm:prSet/>
      <dgm:spPr/>
      <dgm:t>
        <a:bodyPr/>
        <a:lstStyle/>
        <a:p>
          <a:endParaRPr lang="en-GB"/>
        </a:p>
      </dgm:t>
    </dgm:pt>
    <dgm:pt modelId="{49736666-F433-4607-99C0-9E6E7B23CB24}">
      <dgm:prSet phldrT="[Text]" phldr="0"/>
      <dgm:spPr/>
      <dgm:t>
        <a:bodyPr/>
        <a:lstStyle/>
        <a:p>
          <a:pPr rtl="0"/>
          <a:r>
            <a:rPr lang="sv-SE">
              <a:latin typeface="Arial"/>
            </a:rPr>
            <a:t> CV </a:t>
          </a:r>
          <a:r>
            <a:rPr lang="sv-SE" err="1">
              <a:latin typeface="Arial"/>
            </a:rPr>
            <a:t>characterization</a:t>
          </a:r>
          <a:endParaRPr lang="sv-SE" err="1"/>
        </a:p>
      </dgm:t>
    </dgm:pt>
    <dgm:pt modelId="{505ABEB3-4F19-4ADE-9728-8B0BD2D6E913}" type="parTrans" cxnId="{ED40F329-87B5-43B3-A30B-26870F177D17}">
      <dgm:prSet/>
      <dgm:spPr/>
      <dgm:t>
        <a:bodyPr/>
        <a:lstStyle/>
        <a:p>
          <a:endParaRPr lang="en-GB"/>
        </a:p>
      </dgm:t>
    </dgm:pt>
    <dgm:pt modelId="{98CE5820-6F11-4EF2-BC5C-FDD5948538BC}" type="sibTrans" cxnId="{ED40F329-87B5-43B3-A30B-26870F177D17}">
      <dgm:prSet/>
      <dgm:spPr/>
      <dgm:t>
        <a:bodyPr/>
        <a:lstStyle/>
        <a:p>
          <a:endParaRPr lang="en-GB"/>
        </a:p>
      </dgm:t>
    </dgm:pt>
    <dgm:pt modelId="{7B070A2B-8FAB-4C9E-AC14-4159F11DCF3D}">
      <dgm:prSet phldr="0"/>
      <dgm:spPr/>
      <dgm:t>
        <a:bodyPr/>
        <a:lstStyle/>
        <a:p>
          <a:pPr rtl="0"/>
          <a:r>
            <a:rPr lang="sv-SE">
              <a:latin typeface="Arial"/>
            </a:rPr>
            <a:t> UV – vis absorption </a:t>
          </a:r>
          <a:r>
            <a:rPr lang="sv-SE" err="1">
              <a:latin typeface="Arial"/>
            </a:rPr>
            <a:t>spectroscopy</a:t>
          </a:r>
          <a:r>
            <a:rPr lang="sv-SE">
              <a:latin typeface="Arial"/>
            </a:rPr>
            <a:t> </a:t>
          </a:r>
        </a:p>
      </dgm:t>
    </dgm:pt>
    <dgm:pt modelId="{454CDAFC-3262-4B4A-9CC3-1AC0E0CADB96}" type="parTrans" cxnId="{2C309D8C-CFB0-4CBA-9FD6-CF5C27706813}">
      <dgm:prSet/>
      <dgm:spPr/>
      <dgm:t>
        <a:bodyPr/>
        <a:lstStyle/>
        <a:p>
          <a:endParaRPr lang="en-GB"/>
        </a:p>
      </dgm:t>
    </dgm:pt>
    <dgm:pt modelId="{C9A3FF11-89E5-40CB-BA80-5F6A145326BA}" type="sibTrans" cxnId="{2C309D8C-CFB0-4CBA-9FD6-CF5C27706813}">
      <dgm:prSet/>
      <dgm:spPr/>
      <dgm:t>
        <a:bodyPr/>
        <a:lstStyle/>
        <a:p>
          <a:endParaRPr lang="en-GB"/>
        </a:p>
      </dgm:t>
    </dgm:pt>
    <dgm:pt modelId="{349F5623-E56D-4EC4-B079-AF511EC41B43}">
      <dgm:prSet phldr="0"/>
      <dgm:spPr/>
      <dgm:t>
        <a:bodyPr/>
        <a:lstStyle/>
        <a:p>
          <a:pPr rtl="0"/>
          <a:r>
            <a:rPr lang="sv-SE">
              <a:latin typeface="Arial"/>
            </a:rPr>
            <a:t> Over oxidation</a:t>
          </a:r>
        </a:p>
      </dgm:t>
    </dgm:pt>
    <dgm:pt modelId="{7840A1F7-A871-4C46-B548-9A02529183D1}" type="parTrans" cxnId="{89926FC1-4456-4C11-8DE9-5622F5F63897}">
      <dgm:prSet/>
      <dgm:spPr/>
      <dgm:t>
        <a:bodyPr/>
        <a:lstStyle/>
        <a:p>
          <a:endParaRPr lang="en-GB"/>
        </a:p>
      </dgm:t>
    </dgm:pt>
    <dgm:pt modelId="{1B57A8EC-D1B4-4011-88CE-6258D9C52D6E}" type="sibTrans" cxnId="{89926FC1-4456-4C11-8DE9-5622F5F63897}">
      <dgm:prSet/>
      <dgm:spPr/>
      <dgm:t>
        <a:bodyPr/>
        <a:lstStyle/>
        <a:p>
          <a:endParaRPr lang="en-GB"/>
        </a:p>
      </dgm:t>
    </dgm:pt>
    <dgm:pt modelId="{EEAE4B8D-DBB0-443E-A94A-2625B94AEF42}" type="pres">
      <dgm:prSet presAssocID="{2C55B527-B640-42E4-A98E-4CC6E73659E5}" presName="diagram" presStyleCnt="0">
        <dgm:presLayoutVars>
          <dgm:chPref val="1"/>
          <dgm:dir/>
          <dgm:animOne val="branch"/>
          <dgm:animLvl val="lvl"/>
          <dgm:resizeHandles val="exact"/>
        </dgm:presLayoutVars>
      </dgm:prSet>
      <dgm:spPr/>
    </dgm:pt>
    <dgm:pt modelId="{5E970BDD-52A8-4469-872A-F877761069F2}" type="pres">
      <dgm:prSet presAssocID="{DE7F9C23-23ED-464C-9B7D-066EEE6F2096}" presName="root1" presStyleCnt="0"/>
      <dgm:spPr/>
    </dgm:pt>
    <dgm:pt modelId="{4E8C5410-3F51-4B0E-B4F8-CA7EB09D6A1A}" type="pres">
      <dgm:prSet presAssocID="{DE7F9C23-23ED-464C-9B7D-066EEE6F2096}" presName="LevelOneTextNode" presStyleLbl="node0" presStyleIdx="0" presStyleCnt="1">
        <dgm:presLayoutVars>
          <dgm:chPref val="3"/>
        </dgm:presLayoutVars>
      </dgm:prSet>
      <dgm:spPr/>
    </dgm:pt>
    <dgm:pt modelId="{18855F91-DE4C-4ECA-9044-622ABB959E43}" type="pres">
      <dgm:prSet presAssocID="{DE7F9C23-23ED-464C-9B7D-066EEE6F2096}" presName="level2hierChild" presStyleCnt="0"/>
      <dgm:spPr/>
    </dgm:pt>
    <dgm:pt modelId="{F08E6F43-1DD7-4160-BCE4-0F8700579F7F}" type="pres">
      <dgm:prSet presAssocID="{3A8DBAE6-05C7-43B9-AD0F-524C362A6C27}" presName="conn2-1" presStyleLbl="parChTrans1D2" presStyleIdx="0" presStyleCnt="2"/>
      <dgm:spPr/>
    </dgm:pt>
    <dgm:pt modelId="{EE1554F7-326F-47D2-A947-700D83AC31F0}" type="pres">
      <dgm:prSet presAssocID="{3A8DBAE6-05C7-43B9-AD0F-524C362A6C27}" presName="connTx" presStyleLbl="parChTrans1D2" presStyleIdx="0" presStyleCnt="2"/>
      <dgm:spPr/>
    </dgm:pt>
    <dgm:pt modelId="{E4BFE154-5F49-4FE3-A768-DDBBFDA805B9}" type="pres">
      <dgm:prSet presAssocID="{44FAA55C-AC02-4958-9B12-F118FB37B287}" presName="root2" presStyleCnt="0"/>
      <dgm:spPr/>
    </dgm:pt>
    <dgm:pt modelId="{E62B71A4-F880-4EC1-A6C6-2863E538467B}" type="pres">
      <dgm:prSet presAssocID="{44FAA55C-AC02-4958-9B12-F118FB37B287}" presName="LevelTwoTextNode" presStyleLbl="node2" presStyleIdx="0" presStyleCnt="2">
        <dgm:presLayoutVars>
          <dgm:chPref val="3"/>
        </dgm:presLayoutVars>
      </dgm:prSet>
      <dgm:spPr/>
    </dgm:pt>
    <dgm:pt modelId="{ED13F0C4-5E32-4EA6-91C5-DFF80289DDAB}" type="pres">
      <dgm:prSet presAssocID="{44FAA55C-AC02-4958-9B12-F118FB37B287}" presName="level3hierChild" presStyleCnt="0"/>
      <dgm:spPr/>
    </dgm:pt>
    <dgm:pt modelId="{50863967-3F4D-4ED4-95F6-639C7ABEC80A}" type="pres">
      <dgm:prSet presAssocID="{DF7FBE4F-01C7-4350-B32E-3D32EE0A15B8}" presName="conn2-1" presStyleLbl="parChTrans1D3" presStyleIdx="0" presStyleCnt="3"/>
      <dgm:spPr/>
    </dgm:pt>
    <dgm:pt modelId="{8138E565-DAF0-49D4-BCE0-4DF89C8ED8FD}" type="pres">
      <dgm:prSet presAssocID="{DF7FBE4F-01C7-4350-B32E-3D32EE0A15B8}" presName="connTx" presStyleLbl="parChTrans1D3" presStyleIdx="0" presStyleCnt="3"/>
      <dgm:spPr/>
    </dgm:pt>
    <dgm:pt modelId="{784A56B7-30FF-4C90-B8E1-AD8837A7A264}" type="pres">
      <dgm:prSet presAssocID="{336B5B52-1537-4D57-AAAD-6F8082A47AAE}" presName="root2" presStyleCnt="0"/>
      <dgm:spPr/>
    </dgm:pt>
    <dgm:pt modelId="{1AF05C63-310F-46AF-9502-FD36395AA834}" type="pres">
      <dgm:prSet presAssocID="{336B5B52-1537-4D57-AAAD-6F8082A47AAE}" presName="LevelTwoTextNode" presStyleLbl="node3" presStyleIdx="0" presStyleCnt="3">
        <dgm:presLayoutVars>
          <dgm:chPref val="3"/>
        </dgm:presLayoutVars>
      </dgm:prSet>
      <dgm:spPr/>
    </dgm:pt>
    <dgm:pt modelId="{5576BEF1-F071-4F91-A88B-37D6B6A0A323}" type="pres">
      <dgm:prSet presAssocID="{336B5B52-1537-4D57-AAAD-6F8082A47AAE}" presName="level3hierChild" presStyleCnt="0"/>
      <dgm:spPr/>
    </dgm:pt>
    <dgm:pt modelId="{13FF5A1D-4162-4A60-8B05-40B979A04ED4}" type="pres">
      <dgm:prSet presAssocID="{BE856B81-3795-4343-B1D8-C898562245F1}" presName="conn2-1" presStyleLbl="parChTrans1D2" presStyleIdx="1" presStyleCnt="2"/>
      <dgm:spPr/>
    </dgm:pt>
    <dgm:pt modelId="{5107AAB1-A082-4D9C-B686-1D2929ACE117}" type="pres">
      <dgm:prSet presAssocID="{BE856B81-3795-4343-B1D8-C898562245F1}" presName="connTx" presStyleLbl="parChTrans1D2" presStyleIdx="1" presStyleCnt="2"/>
      <dgm:spPr/>
    </dgm:pt>
    <dgm:pt modelId="{40B5FC2F-904A-4A16-8FEF-A57757708FD0}" type="pres">
      <dgm:prSet presAssocID="{2072C5C6-A707-4CC5-8D73-9C64B9365B72}" presName="root2" presStyleCnt="0"/>
      <dgm:spPr/>
    </dgm:pt>
    <dgm:pt modelId="{F0692064-5D67-4883-B4D7-5D875973FBF9}" type="pres">
      <dgm:prSet presAssocID="{2072C5C6-A707-4CC5-8D73-9C64B9365B72}" presName="LevelTwoTextNode" presStyleLbl="node2" presStyleIdx="1" presStyleCnt="2" custLinFactNeighborX="435" custLinFactNeighborY="33805">
        <dgm:presLayoutVars>
          <dgm:chPref val="3"/>
        </dgm:presLayoutVars>
      </dgm:prSet>
      <dgm:spPr/>
    </dgm:pt>
    <dgm:pt modelId="{945DAFF9-9BB8-40BF-83B4-FE4E407EFE3A}" type="pres">
      <dgm:prSet presAssocID="{2072C5C6-A707-4CC5-8D73-9C64B9365B72}" presName="level3hierChild" presStyleCnt="0"/>
      <dgm:spPr/>
    </dgm:pt>
    <dgm:pt modelId="{D460CB07-44BF-4A0E-83C9-D227E380919C}" type="pres">
      <dgm:prSet presAssocID="{505ABEB3-4F19-4ADE-9728-8B0BD2D6E913}" presName="conn2-1" presStyleLbl="parChTrans1D3" presStyleIdx="1" presStyleCnt="3"/>
      <dgm:spPr/>
    </dgm:pt>
    <dgm:pt modelId="{63F776F7-D83D-4D93-BD53-B98D44102FA2}" type="pres">
      <dgm:prSet presAssocID="{505ABEB3-4F19-4ADE-9728-8B0BD2D6E913}" presName="connTx" presStyleLbl="parChTrans1D3" presStyleIdx="1" presStyleCnt="3"/>
      <dgm:spPr/>
    </dgm:pt>
    <dgm:pt modelId="{696EDBB9-9956-4363-9CF4-58BB53F597F7}" type="pres">
      <dgm:prSet presAssocID="{49736666-F433-4607-99C0-9E6E7B23CB24}" presName="root2" presStyleCnt="0"/>
      <dgm:spPr/>
    </dgm:pt>
    <dgm:pt modelId="{5CB62BDD-83DC-41EB-9D42-BADEEC73222C}" type="pres">
      <dgm:prSet presAssocID="{49736666-F433-4607-99C0-9E6E7B23CB24}" presName="LevelTwoTextNode" presStyleLbl="node3" presStyleIdx="1" presStyleCnt="3" custLinFactNeighborX="435" custLinFactNeighborY="33805">
        <dgm:presLayoutVars>
          <dgm:chPref val="3"/>
        </dgm:presLayoutVars>
      </dgm:prSet>
      <dgm:spPr/>
    </dgm:pt>
    <dgm:pt modelId="{CD2E5343-314F-44AC-9D34-D6BB762EC280}" type="pres">
      <dgm:prSet presAssocID="{49736666-F433-4607-99C0-9E6E7B23CB24}" presName="level3hierChild" presStyleCnt="0"/>
      <dgm:spPr/>
    </dgm:pt>
    <dgm:pt modelId="{BEE2B05C-D402-4D7E-AB4C-8362BC57C40D}" type="pres">
      <dgm:prSet presAssocID="{454CDAFC-3262-4B4A-9CC3-1AC0E0CADB96}" presName="conn2-1" presStyleLbl="parChTrans1D3" presStyleIdx="2" presStyleCnt="3"/>
      <dgm:spPr/>
    </dgm:pt>
    <dgm:pt modelId="{B4640DAF-1010-4E7A-A530-193314B926B6}" type="pres">
      <dgm:prSet presAssocID="{454CDAFC-3262-4B4A-9CC3-1AC0E0CADB96}" presName="connTx" presStyleLbl="parChTrans1D3" presStyleIdx="2" presStyleCnt="3"/>
      <dgm:spPr/>
    </dgm:pt>
    <dgm:pt modelId="{4D2A7FF3-5FF6-4E79-BB1E-EF85188F0B9E}" type="pres">
      <dgm:prSet presAssocID="{7B070A2B-8FAB-4C9E-AC14-4159F11DCF3D}" presName="root2" presStyleCnt="0"/>
      <dgm:spPr/>
    </dgm:pt>
    <dgm:pt modelId="{66305D2E-EC85-44EE-AB9E-8996A44C5325}" type="pres">
      <dgm:prSet presAssocID="{7B070A2B-8FAB-4C9E-AC14-4159F11DCF3D}" presName="LevelTwoTextNode" presStyleLbl="node3" presStyleIdx="2" presStyleCnt="3" custLinFactNeighborX="435" custLinFactNeighborY="33805">
        <dgm:presLayoutVars>
          <dgm:chPref val="3"/>
        </dgm:presLayoutVars>
      </dgm:prSet>
      <dgm:spPr/>
    </dgm:pt>
    <dgm:pt modelId="{B56976F6-C26B-4173-A863-2EC07DA3ACF2}" type="pres">
      <dgm:prSet presAssocID="{7B070A2B-8FAB-4C9E-AC14-4159F11DCF3D}" presName="level3hierChild" presStyleCnt="0"/>
      <dgm:spPr/>
    </dgm:pt>
    <dgm:pt modelId="{391DA003-5BAA-449F-8F7F-5B3107325DA8}" type="pres">
      <dgm:prSet presAssocID="{7840A1F7-A871-4C46-B548-9A02529183D1}" presName="conn2-1" presStyleLbl="parChTrans1D4" presStyleIdx="0" presStyleCnt="1"/>
      <dgm:spPr/>
    </dgm:pt>
    <dgm:pt modelId="{6DEA01CF-DDEB-4171-AB7F-0A27736CC357}" type="pres">
      <dgm:prSet presAssocID="{7840A1F7-A871-4C46-B548-9A02529183D1}" presName="connTx" presStyleLbl="parChTrans1D4" presStyleIdx="0" presStyleCnt="1"/>
      <dgm:spPr/>
    </dgm:pt>
    <dgm:pt modelId="{3B1254AF-2AE0-44C8-80FE-0F9812F6FF32}" type="pres">
      <dgm:prSet presAssocID="{349F5623-E56D-4EC4-B079-AF511EC41B43}" presName="root2" presStyleCnt="0"/>
      <dgm:spPr/>
    </dgm:pt>
    <dgm:pt modelId="{0D2E4265-3717-48E8-990A-C4E539D16E81}" type="pres">
      <dgm:prSet presAssocID="{349F5623-E56D-4EC4-B079-AF511EC41B43}" presName="LevelTwoTextNode" presStyleLbl="node4" presStyleIdx="0" presStyleCnt="1" custLinFactNeighborX="-372" custLinFactNeighborY="-18423">
        <dgm:presLayoutVars>
          <dgm:chPref val="3"/>
        </dgm:presLayoutVars>
      </dgm:prSet>
      <dgm:spPr/>
    </dgm:pt>
    <dgm:pt modelId="{B9EF59D1-3FA1-4689-9515-D0663A48C1FE}" type="pres">
      <dgm:prSet presAssocID="{349F5623-E56D-4EC4-B079-AF511EC41B43}" presName="level3hierChild" presStyleCnt="0"/>
      <dgm:spPr/>
    </dgm:pt>
  </dgm:ptLst>
  <dgm:cxnLst>
    <dgm:cxn modelId="{862D0802-5BFB-42E9-86EA-8CF746C6909A}" type="presOf" srcId="{505ABEB3-4F19-4ADE-9728-8B0BD2D6E913}" destId="{63F776F7-D83D-4D93-BD53-B98D44102FA2}" srcOrd="1" destOrd="0" presId="urn:microsoft.com/office/officeart/2005/8/layout/hierarchy2"/>
    <dgm:cxn modelId="{A4693904-1F43-4B4F-BC3C-BD158273C97E}" srcId="{DE7F9C23-23ED-464C-9B7D-066EEE6F2096}" destId="{44FAA55C-AC02-4958-9B12-F118FB37B287}" srcOrd="0" destOrd="0" parTransId="{3A8DBAE6-05C7-43B9-AD0F-524C362A6C27}" sibTransId="{994F1544-468C-4D8A-ACCA-1CF1C750FC91}"/>
    <dgm:cxn modelId="{FFB8FD07-0110-42C7-BED6-E8E5E8EFBADD}" type="presOf" srcId="{3A8DBAE6-05C7-43B9-AD0F-524C362A6C27}" destId="{F08E6F43-1DD7-4160-BCE4-0F8700579F7F}" srcOrd="0" destOrd="0" presId="urn:microsoft.com/office/officeart/2005/8/layout/hierarchy2"/>
    <dgm:cxn modelId="{BD385017-956F-4AEA-BDB5-DD52532EDA81}" type="presOf" srcId="{DE7F9C23-23ED-464C-9B7D-066EEE6F2096}" destId="{4E8C5410-3F51-4B0E-B4F8-CA7EB09D6A1A}" srcOrd="0" destOrd="0" presId="urn:microsoft.com/office/officeart/2005/8/layout/hierarchy2"/>
    <dgm:cxn modelId="{DF9D5820-C9F6-4752-84C0-336B1E5CE625}" srcId="{DE7F9C23-23ED-464C-9B7D-066EEE6F2096}" destId="{2072C5C6-A707-4CC5-8D73-9C64B9365B72}" srcOrd="1" destOrd="0" parTransId="{BE856B81-3795-4343-B1D8-C898562245F1}" sibTransId="{28A80CC9-EAA5-4FD0-9455-7D55C23E51AF}"/>
    <dgm:cxn modelId="{F278A520-4E77-4B32-B36C-0CE5B7474C36}" type="presOf" srcId="{49736666-F433-4607-99C0-9E6E7B23CB24}" destId="{5CB62BDD-83DC-41EB-9D42-BADEEC73222C}" srcOrd="0" destOrd="0" presId="urn:microsoft.com/office/officeart/2005/8/layout/hierarchy2"/>
    <dgm:cxn modelId="{C1934F23-4E4D-4EE0-8AA1-E78F318D0E3C}" type="presOf" srcId="{454CDAFC-3262-4B4A-9CC3-1AC0E0CADB96}" destId="{BEE2B05C-D402-4D7E-AB4C-8362BC57C40D}" srcOrd="0" destOrd="0" presId="urn:microsoft.com/office/officeart/2005/8/layout/hierarchy2"/>
    <dgm:cxn modelId="{69765323-14F7-4F18-BC99-1558EAF3D750}" type="presOf" srcId="{BE856B81-3795-4343-B1D8-C898562245F1}" destId="{5107AAB1-A082-4D9C-B686-1D2929ACE117}" srcOrd="1" destOrd="0" presId="urn:microsoft.com/office/officeart/2005/8/layout/hierarchy2"/>
    <dgm:cxn modelId="{EB4C1A27-5F75-4EF8-A77E-A0336C7704DD}" type="presOf" srcId="{336B5B52-1537-4D57-AAAD-6F8082A47AAE}" destId="{1AF05C63-310F-46AF-9502-FD36395AA834}" srcOrd="0" destOrd="0" presId="urn:microsoft.com/office/officeart/2005/8/layout/hierarchy2"/>
    <dgm:cxn modelId="{ED40F329-87B5-43B3-A30B-26870F177D17}" srcId="{2072C5C6-A707-4CC5-8D73-9C64B9365B72}" destId="{49736666-F433-4607-99C0-9E6E7B23CB24}" srcOrd="0" destOrd="0" parTransId="{505ABEB3-4F19-4ADE-9728-8B0BD2D6E913}" sibTransId="{98CE5820-6F11-4EF2-BC5C-FDD5948538BC}"/>
    <dgm:cxn modelId="{5CCD2C2F-AD80-4016-B435-F7CD29066F80}" type="presOf" srcId="{7B070A2B-8FAB-4C9E-AC14-4159F11DCF3D}" destId="{66305D2E-EC85-44EE-AB9E-8996A44C5325}" srcOrd="0" destOrd="0" presId="urn:microsoft.com/office/officeart/2005/8/layout/hierarchy2"/>
    <dgm:cxn modelId="{C7DE2E36-4110-4ED2-96B1-C54ECEEF7D0C}" srcId="{44FAA55C-AC02-4958-9B12-F118FB37B287}" destId="{336B5B52-1537-4D57-AAAD-6F8082A47AAE}" srcOrd="0" destOrd="0" parTransId="{DF7FBE4F-01C7-4350-B32E-3D32EE0A15B8}" sibTransId="{8E507105-DBA2-4CE0-843C-09478D95C920}"/>
    <dgm:cxn modelId="{7384093D-2717-4553-9424-82DAD43CEC31}" type="presOf" srcId="{7840A1F7-A871-4C46-B548-9A02529183D1}" destId="{391DA003-5BAA-449F-8F7F-5B3107325DA8}" srcOrd="0" destOrd="0" presId="urn:microsoft.com/office/officeart/2005/8/layout/hierarchy2"/>
    <dgm:cxn modelId="{157D346F-4B0C-43CD-A7AE-1EFF896305B9}" type="presOf" srcId="{349F5623-E56D-4EC4-B079-AF511EC41B43}" destId="{0D2E4265-3717-48E8-990A-C4E539D16E81}" srcOrd="0" destOrd="0" presId="urn:microsoft.com/office/officeart/2005/8/layout/hierarchy2"/>
    <dgm:cxn modelId="{90176A6F-46CA-4B94-8860-284D6BB14FCA}" srcId="{2C55B527-B640-42E4-A98E-4CC6E73659E5}" destId="{DE7F9C23-23ED-464C-9B7D-066EEE6F2096}" srcOrd="0" destOrd="0" parTransId="{F2763411-7963-4C01-BD7A-BBC74F66B8C1}" sibTransId="{DD437963-A934-4FAA-8C3D-AB35AA27446D}"/>
    <dgm:cxn modelId="{1C9CD550-F682-4EAD-8B83-AF92E6962253}" type="presOf" srcId="{2072C5C6-A707-4CC5-8D73-9C64B9365B72}" destId="{F0692064-5D67-4883-B4D7-5D875973FBF9}" srcOrd="0" destOrd="0" presId="urn:microsoft.com/office/officeart/2005/8/layout/hierarchy2"/>
    <dgm:cxn modelId="{9FBD0B53-7724-4406-9B1E-90ECB0FAE935}" type="presOf" srcId="{DF7FBE4F-01C7-4350-B32E-3D32EE0A15B8}" destId="{8138E565-DAF0-49D4-BCE0-4DF89C8ED8FD}" srcOrd="1" destOrd="0" presId="urn:microsoft.com/office/officeart/2005/8/layout/hierarchy2"/>
    <dgm:cxn modelId="{25D2C174-E91D-4A40-B055-E4BF7FC34B05}" type="presOf" srcId="{505ABEB3-4F19-4ADE-9728-8B0BD2D6E913}" destId="{D460CB07-44BF-4A0E-83C9-D227E380919C}" srcOrd="0" destOrd="0" presId="urn:microsoft.com/office/officeart/2005/8/layout/hierarchy2"/>
    <dgm:cxn modelId="{835E6D84-AFD3-40B5-819B-5B4383EC6E5A}" type="presOf" srcId="{2C55B527-B640-42E4-A98E-4CC6E73659E5}" destId="{EEAE4B8D-DBB0-443E-A94A-2625B94AEF42}" srcOrd="0" destOrd="0" presId="urn:microsoft.com/office/officeart/2005/8/layout/hierarchy2"/>
    <dgm:cxn modelId="{2C309D8C-CFB0-4CBA-9FD6-CF5C27706813}" srcId="{2072C5C6-A707-4CC5-8D73-9C64B9365B72}" destId="{7B070A2B-8FAB-4C9E-AC14-4159F11DCF3D}" srcOrd="1" destOrd="0" parTransId="{454CDAFC-3262-4B4A-9CC3-1AC0E0CADB96}" sibTransId="{C9A3FF11-89E5-40CB-BA80-5F6A145326BA}"/>
    <dgm:cxn modelId="{9CBB2BAE-D845-4F75-9DE5-B8F2FFB02329}" type="presOf" srcId="{454CDAFC-3262-4B4A-9CC3-1AC0E0CADB96}" destId="{B4640DAF-1010-4E7A-A530-193314B926B6}" srcOrd="1" destOrd="0" presId="urn:microsoft.com/office/officeart/2005/8/layout/hierarchy2"/>
    <dgm:cxn modelId="{3930FFB0-AC4F-4C76-8339-079516F0CAA7}" type="presOf" srcId="{7840A1F7-A871-4C46-B548-9A02529183D1}" destId="{6DEA01CF-DDEB-4171-AB7F-0A27736CC357}" srcOrd="1" destOrd="0" presId="urn:microsoft.com/office/officeart/2005/8/layout/hierarchy2"/>
    <dgm:cxn modelId="{C295FAB2-82A6-4DEA-8B0B-F7B9CF61008A}" type="presOf" srcId="{BE856B81-3795-4343-B1D8-C898562245F1}" destId="{13FF5A1D-4162-4A60-8B05-40B979A04ED4}" srcOrd="0" destOrd="0" presId="urn:microsoft.com/office/officeart/2005/8/layout/hierarchy2"/>
    <dgm:cxn modelId="{C5A8E6B7-AE3D-43D7-831C-BC7B530EBA2B}" type="presOf" srcId="{DF7FBE4F-01C7-4350-B32E-3D32EE0A15B8}" destId="{50863967-3F4D-4ED4-95F6-639C7ABEC80A}" srcOrd="0" destOrd="0" presId="urn:microsoft.com/office/officeart/2005/8/layout/hierarchy2"/>
    <dgm:cxn modelId="{89926FC1-4456-4C11-8DE9-5622F5F63897}" srcId="{7B070A2B-8FAB-4C9E-AC14-4159F11DCF3D}" destId="{349F5623-E56D-4EC4-B079-AF511EC41B43}" srcOrd="0" destOrd="0" parTransId="{7840A1F7-A871-4C46-B548-9A02529183D1}" sibTransId="{1B57A8EC-D1B4-4011-88CE-6258D9C52D6E}"/>
    <dgm:cxn modelId="{ABBAE1D1-5B53-436B-91BA-96FE1ACB59D1}" type="presOf" srcId="{3A8DBAE6-05C7-43B9-AD0F-524C362A6C27}" destId="{EE1554F7-326F-47D2-A947-700D83AC31F0}" srcOrd="1" destOrd="0" presId="urn:microsoft.com/office/officeart/2005/8/layout/hierarchy2"/>
    <dgm:cxn modelId="{10B250F8-7B87-406E-B8F6-51DEAEF96B84}" type="presOf" srcId="{44FAA55C-AC02-4958-9B12-F118FB37B287}" destId="{E62B71A4-F880-4EC1-A6C6-2863E538467B}" srcOrd="0" destOrd="0" presId="urn:microsoft.com/office/officeart/2005/8/layout/hierarchy2"/>
    <dgm:cxn modelId="{49A3335C-BE3D-41EC-8579-1E08E4222E38}" type="presParOf" srcId="{EEAE4B8D-DBB0-443E-A94A-2625B94AEF42}" destId="{5E970BDD-52A8-4469-872A-F877761069F2}" srcOrd="0" destOrd="0" presId="urn:microsoft.com/office/officeart/2005/8/layout/hierarchy2"/>
    <dgm:cxn modelId="{9F32B422-386A-4828-AB4D-B52D0AD51F67}" type="presParOf" srcId="{5E970BDD-52A8-4469-872A-F877761069F2}" destId="{4E8C5410-3F51-4B0E-B4F8-CA7EB09D6A1A}" srcOrd="0" destOrd="0" presId="urn:microsoft.com/office/officeart/2005/8/layout/hierarchy2"/>
    <dgm:cxn modelId="{B1FE3045-0752-4535-B0CB-4C16668F4887}" type="presParOf" srcId="{5E970BDD-52A8-4469-872A-F877761069F2}" destId="{18855F91-DE4C-4ECA-9044-622ABB959E43}" srcOrd="1" destOrd="0" presId="urn:microsoft.com/office/officeart/2005/8/layout/hierarchy2"/>
    <dgm:cxn modelId="{BCF54D8A-78DA-46BE-BD65-1512310BE448}" type="presParOf" srcId="{18855F91-DE4C-4ECA-9044-622ABB959E43}" destId="{F08E6F43-1DD7-4160-BCE4-0F8700579F7F}" srcOrd="0" destOrd="0" presId="urn:microsoft.com/office/officeart/2005/8/layout/hierarchy2"/>
    <dgm:cxn modelId="{C55BFEE6-4A33-4C90-A302-2858945EF8A1}" type="presParOf" srcId="{F08E6F43-1DD7-4160-BCE4-0F8700579F7F}" destId="{EE1554F7-326F-47D2-A947-700D83AC31F0}" srcOrd="0" destOrd="0" presId="urn:microsoft.com/office/officeart/2005/8/layout/hierarchy2"/>
    <dgm:cxn modelId="{5D353224-C9AB-4A10-B1D4-2978AF142560}" type="presParOf" srcId="{18855F91-DE4C-4ECA-9044-622ABB959E43}" destId="{E4BFE154-5F49-4FE3-A768-DDBBFDA805B9}" srcOrd="1" destOrd="0" presId="urn:microsoft.com/office/officeart/2005/8/layout/hierarchy2"/>
    <dgm:cxn modelId="{F31423E5-E660-4725-A380-4F7F3D394D55}" type="presParOf" srcId="{E4BFE154-5F49-4FE3-A768-DDBBFDA805B9}" destId="{E62B71A4-F880-4EC1-A6C6-2863E538467B}" srcOrd="0" destOrd="0" presId="urn:microsoft.com/office/officeart/2005/8/layout/hierarchy2"/>
    <dgm:cxn modelId="{6C139EFA-5A45-4494-8C87-48F1622CC2B4}" type="presParOf" srcId="{E4BFE154-5F49-4FE3-A768-DDBBFDA805B9}" destId="{ED13F0C4-5E32-4EA6-91C5-DFF80289DDAB}" srcOrd="1" destOrd="0" presId="urn:microsoft.com/office/officeart/2005/8/layout/hierarchy2"/>
    <dgm:cxn modelId="{0C344715-699D-4343-866F-60C453573E3D}" type="presParOf" srcId="{ED13F0C4-5E32-4EA6-91C5-DFF80289DDAB}" destId="{50863967-3F4D-4ED4-95F6-639C7ABEC80A}" srcOrd="0" destOrd="0" presId="urn:microsoft.com/office/officeart/2005/8/layout/hierarchy2"/>
    <dgm:cxn modelId="{84C676E0-7588-4D15-8539-E87B2B9D28C1}" type="presParOf" srcId="{50863967-3F4D-4ED4-95F6-639C7ABEC80A}" destId="{8138E565-DAF0-49D4-BCE0-4DF89C8ED8FD}" srcOrd="0" destOrd="0" presId="urn:microsoft.com/office/officeart/2005/8/layout/hierarchy2"/>
    <dgm:cxn modelId="{16BE6AD4-1757-4265-9B11-516B735D56F4}" type="presParOf" srcId="{ED13F0C4-5E32-4EA6-91C5-DFF80289DDAB}" destId="{784A56B7-30FF-4C90-B8E1-AD8837A7A264}" srcOrd="1" destOrd="0" presId="urn:microsoft.com/office/officeart/2005/8/layout/hierarchy2"/>
    <dgm:cxn modelId="{B1CD1667-EC57-4B35-AFC0-A51614AC0CC1}" type="presParOf" srcId="{784A56B7-30FF-4C90-B8E1-AD8837A7A264}" destId="{1AF05C63-310F-46AF-9502-FD36395AA834}" srcOrd="0" destOrd="0" presId="urn:microsoft.com/office/officeart/2005/8/layout/hierarchy2"/>
    <dgm:cxn modelId="{96EF98BA-E45B-4755-8380-2569CCFE76C4}" type="presParOf" srcId="{784A56B7-30FF-4C90-B8E1-AD8837A7A264}" destId="{5576BEF1-F071-4F91-A88B-37D6B6A0A323}" srcOrd="1" destOrd="0" presId="urn:microsoft.com/office/officeart/2005/8/layout/hierarchy2"/>
    <dgm:cxn modelId="{C690AE17-4331-448F-A894-530A270AF029}" type="presParOf" srcId="{18855F91-DE4C-4ECA-9044-622ABB959E43}" destId="{13FF5A1D-4162-4A60-8B05-40B979A04ED4}" srcOrd="2" destOrd="0" presId="urn:microsoft.com/office/officeart/2005/8/layout/hierarchy2"/>
    <dgm:cxn modelId="{0FFA580C-F1DB-46E6-960B-8DD9E82DB945}" type="presParOf" srcId="{13FF5A1D-4162-4A60-8B05-40B979A04ED4}" destId="{5107AAB1-A082-4D9C-B686-1D2929ACE117}" srcOrd="0" destOrd="0" presId="urn:microsoft.com/office/officeart/2005/8/layout/hierarchy2"/>
    <dgm:cxn modelId="{64FD5B46-C0FB-445B-A3E7-0575DB9D4B9B}" type="presParOf" srcId="{18855F91-DE4C-4ECA-9044-622ABB959E43}" destId="{40B5FC2F-904A-4A16-8FEF-A57757708FD0}" srcOrd="3" destOrd="0" presId="urn:microsoft.com/office/officeart/2005/8/layout/hierarchy2"/>
    <dgm:cxn modelId="{21EEA788-A970-4BF8-9401-25F40346D48B}" type="presParOf" srcId="{40B5FC2F-904A-4A16-8FEF-A57757708FD0}" destId="{F0692064-5D67-4883-B4D7-5D875973FBF9}" srcOrd="0" destOrd="0" presId="urn:microsoft.com/office/officeart/2005/8/layout/hierarchy2"/>
    <dgm:cxn modelId="{3E7F76A5-7BCC-4310-B6B2-3D9FEDD6F7D5}" type="presParOf" srcId="{40B5FC2F-904A-4A16-8FEF-A57757708FD0}" destId="{945DAFF9-9BB8-40BF-83B4-FE4E407EFE3A}" srcOrd="1" destOrd="0" presId="urn:microsoft.com/office/officeart/2005/8/layout/hierarchy2"/>
    <dgm:cxn modelId="{8CBF1FFF-611C-48A5-8287-8C4F0DB647AC}" type="presParOf" srcId="{945DAFF9-9BB8-40BF-83B4-FE4E407EFE3A}" destId="{D460CB07-44BF-4A0E-83C9-D227E380919C}" srcOrd="0" destOrd="0" presId="urn:microsoft.com/office/officeart/2005/8/layout/hierarchy2"/>
    <dgm:cxn modelId="{BB8D6245-516B-4B34-B36F-D48B6959AE8C}" type="presParOf" srcId="{D460CB07-44BF-4A0E-83C9-D227E380919C}" destId="{63F776F7-D83D-4D93-BD53-B98D44102FA2}" srcOrd="0" destOrd="0" presId="urn:microsoft.com/office/officeart/2005/8/layout/hierarchy2"/>
    <dgm:cxn modelId="{CE3284AC-A5E1-491B-A136-24321245AC2C}" type="presParOf" srcId="{945DAFF9-9BB8-40BF-83B4-FE4E407EFE3A}" destId="{696EDBB9-9956-4363-9CF4-58BB53F597F7}" srcOrd="1" destOrd="0" presId="urn:microsoft.com/office/officeart/2005/8/layout/hierarchy2"/>
    <dgm:cxn modelId="{5F4579D4-3020-4025-AEB3-4055D8972424}" type="presParOf" srcId="{696EDBB9-9956-4363-9CF4-58BB53F597F7}" destId="{5CB62BDD-83DC-41EB-9D42-BADEEC73222C}" srcOrd="0" destOrd="0" presId="urn:microsoft.com/office/officeart/2005/8/layout/hierarchy2"/>
    <dgm:cxn modelId="{546D819B-760C-49D6-B5FC-7BC1CA748A77}" type="presParOf" srcId="{696EDBB9-9956-4363-9CF4-58BB53F597F7}" destId="{CD2E5343-314F-44AC-9D34-D6BB762EC280}" srcOrd="1" destOrd="0" presId="urn:microsoft.com/office/officeart/2005/8/layout/hierarchy2"/>
    <dgm:cxn modelId="{92C407BC-D792-4104-81EB-DD6EB4AAE4BE}" type="presParOf" srcId="{945DAFF9-9BB8-40BF-83B4-FE4E407EFE3A}" destId="{BEE2B05C-D402-4D7E-AB4C-8362BC57C40D}" srcOrd="2" destOrd="0" presId="urn:microsoft.com/office/officeart/2005/8/layout/hierarchy2"/>
    <dgm:cxn modelId="{E74590F2-C8EC-465F-98FD-D1C79A50F550}" type="presParOf" srcId="{BEE2B05C-D402-4D7E-AB4C-8362BC57C40D}" destId="{B4640DAF-1010-4E7A-A530-193314B926B6}" srcOrd="0" destOrd="0" presId="urn:microsoft.com/office/officeart/2005/8/layout/hierarchy2"/>
    <dgm:cxn modelId="{EC3A64A7-08EC-4DF8-99FC-76AC0583546E}" type="presParOf" srcId="{945DAFF9-9BB8-40BF-83B4-FE4E407EFE3A}" destId="{4D2A7FF3-5FF6-4E79-BB1E-EF85188F0B9E}" srcOrd="3" destOrd="0" presId="urn:microsoft.com/office/officeart/2005/8/layout/hierarchy2"/>
    <dgm:cxn modelId="{7703E284-C620-4A89-872F-DF3497AFC642}" type="presParOf" srcId="{4D2A7FF3-5FF6-4E79-BB1E-EF85188F0B9E}" destId="{66305D2E-EC85-44EE-AB9E-8996A44C5325}" srcOrd="0" destOrd="0" presId="urn:microsoft.com/office/officeart/2005/8/layout/hierarchy2"/>
    <dgm:cxn modelId="{041A2771-6D35-444C-B8EB-913BEB9DD542}" type="presParOf" srcId="{4D2A7FF3-5FF6-4E79-BB1E-EF85188F0B9E}" destId="{B56976F6-C26B-4173-A863-2EC07DA3ACF2}" srcOrd="1" destOrd="0" presId="urn:microsoft.com/office/officeart/2005/8/layout/hierarchy2"/>
    <dgm:cxn modelId="{4CE1CA59-16B8-49E3-8D47-7D3C1C8083D7}" type="presParOf" srcId="{B56976F6-C26B-4173-A863-2EC07DA3ACF2}" destId="{391DA003-5BAA-449F-8F7F-5B3107325DA8}" srcOrd="0" destOrd="0" presId="urn:microsoft.com/office/officeart/2005/8/layout/hierarchy2"/>
    <dgm:cxn modelId="{A0F8ADD4-DC8B-4E73-9EE8-4E5B301220AE}" type="presParOf" srcId="{391DA003-5BAA-449F-8F7F-5B3107325DA8}" destId="{6DEA01CF-DDEB-4171-AB7F-0A27736CC357}" srcOrd="0" destOrd="0" presId="urn:microsoft.com/office/officeart/2005/8/layout/hierarchy2"/>
    <dgm:cxn modelId="{97B77BFA-7FDA-4264-9183-D73478677433}" type="presParOf" srcId="{B56976F6-C26B-4173-A863-2EC07DA3ACF2}" destId="{3B1254AF-2AE0-44C8-80FE-0F9812F6FF32}" srcOrd="1" destOrd="0" presId="urn:microsoft.com/office/officeart/2005/8/layout/hierarchy2"/>
    <dgm:cxn modelId="{EA10C774-BCA1-4C23-82D3-394D5498DB6B}" type="presParOf" srcId="{3B1254AF-2AE0-44C8-80FE-0F9812F6FF32}" destId="{0D2E4265-3717-48E8-990A-C4E539D16E81}" srcOrd="0" destOrd="0" presId="urn:microsoft.com/office/officeart/2005/8/layout/hierarchy2"/>
    <dgm:cxn modelId="{F581D0A4-F8D4-4C60-931C-2E626DBC5A6A}" type="presParOf" srcId="{3B1254AF-2AE0-44C8-80FE-0F9812F6FF32}" destId="{B9EF59D1-3FA1-4689-9515-D0663A48C1FE}" srcOrd="1" destOrd="0" presId="urn:microsoft.com/office/officeart/2005/8/layout/hierarchy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E8C5410-3F51-4B0E-B4F8-CA7EB09D6A1A}">
      <dsp:nvSpPr>
        <dsp:cNvPr id="0" name=""/>
        <dsp:cNvSpPr/>
      </dsp:nvSpPr>
      <dsp:spPr>
        <a:xfrm>
          <a:off x="2655" y="1731791"/>
          <a:ext cx="2029024" cy="1014512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2065" tIns="12065" rIns="12065" bIns="12065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900" kern="1200" err="1">
              <a:latin typeface="Arial"/>
            </a:rPr>
            <a:t>Electrodepositon</a:t>
          </a:r>
          <a:endParaRPr lang="en-GB" sz="1900" kern="1200" err="1"/>
        </a:p>
      </dsp:txBody>
      <dsp:txXfrm>
        <a:off x="32369" y="1761505"/>
        <a:ext cx="1969596" cy="955084"/>
      </dsp:txXfrm>
    </dsp:sp>
    <dsp:sp modelId="{F08E6F43-1DD7-4160-BCE4-0F8700579F7F}">
      <dsp:nvSpPr>
        <dsp:cNvPr id="0" name=""/>
        <dsp:cNvSpPr/>
      </dsp:nvSpPr>
      <dsp:spPr>
        <a:xfrm rot="18770822">
          <a:off x="1840751" y="1783499"/>
          <a:ext cx="1193467" cy="36079"/>
        </a:xfrm>
        <a:custGeom>
          <a:avLst/>
          <a:gdLst/>
          <a:ahLst/>
          <a:cxnLst/>
          <a:rect l="0" t="0" r="0" b="0"/>
          <a:pathLst>
            <a:path>
              <a:moveTo>
                <a:pt x="0" y="18039"/>
              </a:moveTo>
              <a:lnTo>
                <a:pt x="1193467" y="18039"/>
              </a:lnTo>
            </a:path>
          </a:pathLst>
        </a:custGeom>
        <a:noFill/>
        <a:ln w="25400" cap="flat" cmpd="sng" algn="ctr">
          <a:solidFill>
            <a:schemeClr val="dk2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500" kern="1200"/>
        </a:p>
      </dsp:txBody>
      <dsp:txXfrm>
        <a:off x="2407648" y="1771702"/>
        <a:ext cx="59673" cy="59673"/>
      </dsp:txXfrm>
    </dsp:sp>
    <dsp:sp modelId="{E62B71A4-F880-4EC1-A6C6-2863E538467B}">
      <dsp:nvSpPr>
        <dsp:cNvPr id="0" name=""/>
        <dsp:cNvSpPr/>
      </dsp:nvSpPr>
      <dsp:spPr>
        <a:xfrm>
          <a:off x="2843290" y="856774"/>
          <a:ext cx="2029024" cy="1014512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2065" tIns="12065" rIns="12065" bIns="12065" numCol="1" spcCol="1270" anchor="ctr" anchorCtr="0">
          <a:noAutofit/>
        </a:bodyPr>
        <a:lstStyle/>
        <a:p>
          <a:pPr marL="0" lvl="0" indent="0" algn="ctr" defTabSz="8445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900" kern="1200">
              <a:latin typeface="Arial"/>
            </a:rPr>
            <a:t> </a:t>
          </a:r>
          <a:r>
            <a:rPr lang="sv-SE" sz="1900" kern="1200" err="1">
              <a:latin typeface="Arial"/>
            </a:rPr>
            <a:t>Potentiodynamic</a:t>
          </a:r>
          <a:endParaRPr lang="sv-SE" sz="1900" kern="1200" err="1"/>
        </a:p>
      </dsp:txBody>
      <dsp:txXfrm>
        <a:off x="2873004" y="886488"/>
        <a:ext cx="1969596" cy="955084"/>
      </dsp:txXfrm>
    </dsp:sp>
    <dsp:sp modelId="{50863967-3F4D-4ED4-95F6-639C7ABEC80A}">
      <dsp:nvSpPr>
        <dsp:cNvPr id="0" name=""/>
        <dsp:cNvSpPr/>
      </dsp:nvSpPr>
      <dsp:spPr>
        <a:xfrm>
          <a:off x="4872314" y="1345991"/>
          <a:ext cx="811609" cy="36079"/>
        </a:xfrm>
        <a:custGeom>
          <a:avLst/>
          <a:gdLst/>
          <a:ahLst/>
          <a:cxnLst/>
          <a:rect l="0" t="0" r="0" b="0"/>
          <a:pathLst>
            <a:path>
              <a:moveTo>
                <a:pt x="0" y="18039"/>
              </a:moveTo>
              <a:lnTo>
                <a:pt x="811609" y="18039"/>
              </a:lnTo>
            </a:path>
          </a:pathLst>
        </a:custGeom>
        <a:noFill/>
        <a:ln w="25400" cap="flat" cmpd="sng" algn="ctr">
          <a:solidFill>
            <a:schemeClr val="dk2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500" kern="1200"/>
        </a:p>
      </dsp:txBody>
      <dsp:txXfrm>
        <a:off x="5257829" y="1343740"/>
        <a:ext cx="40580" cy="40580"/>
      </dsp:txXfrm>
    </dsp:sp>
    <dsp:sp modelId="{1AF05C63-310F-46AF-9502-FD36395AA834}">
      <dsp:nvSpPr>
        <dsp:cNvPr id="0" name=""/>
        <dsp:cNvSpPr/>
      </dsp:nvSpPr>
      <dsp:spPr>
        <a:xfrm>
          <a:off x="5683924" y="856774"/>
          <a:ext cx="2029024" cy="1014512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2065" tIns="12065" rIns="12065" bIns="12065" numCol="1" spcCol="1270" anchor="ctr" anchorCtr="0">
          <a:noAutofit/>
        </a:bodyPr>
        <a:lstStyle/>
        <a:p>
          <a:pPr marL="0" lvl="0" indent="0" algn="ctr" defTabSz="8445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900" kern="1200">
              <a:latin typeface="Arial"/>
            </a:rPr>
            <a:t> CV </a:t>
          </a:r>
          <a:r>
            <a:rPr lang="sv-SE" sz="1900" kern="1200" err="1">
              <a:latin typeface="Arial"/>
            </a:rPr>
            <a:t>characterization</a:t>
          </a:r>
          <a:endParaRPr lang="sv-SE" sz="1900" kern="1200"/>
        </a:p>
      </dsp:txBody>
      <dsp:txXfrm>
        <a:off x="5713638" y="886488"/>
        <a:ext cx="1969596" cy="955084"/>
      </dsp:txXfrm>
    </dsp:sp>
    <dsp:sp modelId="{13FF5A1D-4162-4A60-8B05-40B979A04ED4}">
      <dsp:nvSpPr>
        <dsp:cNvPr id="0" name=""/>
        <dsp:cNvSpPr/>
      </dsp:nvSpPr>
      <dsp:spPr>
        <a:xfrm rot="3362129">
          <a:off x="1707634" y="2829994"/>
          <a:ext cx="1468527" cy="36079"/>
        </a:xfrm>
        <a:custGeom>
          <a:avLst/>
          <a:gdLst/>
          <a:ahLst/>
          <a:cxnLst/>
          <a:rect l="0" t="0" r="0" b="0"/>
          <a:pathLst>
            <a:path>
              <a:moveTo>
                <a:pt x="0" y="18039"/>
              </a:moveTo>
              <a:lnTo>
                <a:pt x="1468527" y="18039"/>
              </a:lnTo>
            </a:path>
          </a:pathLst>
        </a:custGeom>
        <a:noFill/>
        <a:ln w="25400" cap="flat" cmpd="sng" algn="ctr">
          <a:solidFill>
            <a:schemeClr val="dk2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500" kern="1200"/>
        </a:p>
      </dsp:txBody>
      <dsp:txXfrm>
        <a:off x="2405185" y="2811320"/>
        <a:ext cx="73426" cy="73426"/>
      </dsp:txXfrm>
    </dsp:sp>
    <dsp:sp modelId="{F0692064-5D67-4883-B4D7-5D875973FBF9}">
      <dsp:nvSpPr>
        <dsp:cNvPr id="0" name=""/>
        <dsp:cNvSpPr/>
      </dsp:nvSpPr>
      <dsp:spPr>
        <a:xfrm>
          <a:off x="2852116" y="2949764"/>
          <a:ext cx="2029024" cy="1014512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2065" tIns="12065" rIns="12065" bIns="12065" numCol="1" spcCol="1270" anchor="ctr" anchorCtr="0">
          <a:noAutofit/>
        </a:bodyPr>
        <a:lstStyle/>
        <a:p>
          <a:pPr marL="0" lvl="0" indent="0" algn="ctr" defTabSz="8445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900" kern="1200">
              <a:latin typeface="Arial"/>
            </a:rPr>
            <a:t> </a:t>
          </a:r>
          <a:r>
            <a:rPr lang="sv-SE" sz="1900" kern="1200" err="1">
              <a:latin typeface="Arial"/>
            </a:rPr>
            <a:t>Potentiostatic</a:t>
          </a:r>
          <a:r>
            <a:rPr lang="sv-SE" sz="1900" kern="1200">
              <a:latin typeface="Arial"/>
            </a:rPr>
            <a:t> </a:t>
          </a:r>
          <a:endParaRPr lang="sv-SE" sz="1900" kern="1200"/>
        </a:p>
      </dsp:txBody>
      <dsp:txXfrm>
        <a:off x="2881830" y="2979478"/>
        <a:ext cx="1969596" cy="955084"/>
      </dsp:txXfrm>
    </dsp:sp>
    <dsp:sp modelId="{D460CB07-44BF-4A0E-83C9-D227E380919C}">
      <dsp:nvSpPr>
        <dsp:cNvPr id="0" name=""/>
        <dsp:cNvSpPr/>
      </dsp:nvSpPr>
      <dsp:spPr>
        <a:xfrm rot="19457599">
          <a:off x="4787195" y="3147308"/>
          <a:ext cx="999500" cy="36079"/>
        </a:xfrm>
        <a:custGeom>
          <a:avLst/>
          <a:gdLst/>
          <a:ahLst/>
          <a:cxnLst/>
          <a:rect l="0" t="0" r="0" b="0"/>
          <a:pathLst>
            <a:path>
              <a:moveTo>
                <a:pt x="0" y="18039"/>
              </a:moveTo>
              <a:lnTo>
                <a:pt x="999500" y="18039"/>
              </a:lnTo>
            </a:path>
          </a:pathLst>
        </a:custGeom>
        <a:noFill/>
        <a:ln w="25400" cap="flat" cmpd="sng" algn="ctr">
          <a:solidFill>
            <a:schemeClr val="dk2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500" kern="1200"/>
        </a:p>
      </dsp:txBody>
      <dsp:txXfrm>
        <a:off x="5261958" y="3140360"/>
        <a:ext cx="49975" cy="49975"/>
      </dsp:txXfrm>
    </dsp:sp>
    <dsp:sp modelId="{5CB62BDD-83DC-41EB-9D42-BADEEC73222C}">
      <dsp:nvSpPr>
        <dsp:cNvPr id="0" name=""/>
        <dsp:cNvSpPr/>
      </dsp:nvSpPr>
      <dsp:spPr>
        <a:xfrm>
          <a:off x="5692750" y="2366419"/>
          <a:ext cx="2029024" cy="1014512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2065" tIns="12065" rIns="12065" bIns="12065" numCol="1" spcCol="1270" anchor="ctr" anchorCtr="0">
          <a:noAutofit/>
        </a:bodyPr>
        <a:lstStyle/>
        <a:p>
          <a:pPr marL="0" lvl="0" indent="0" algn="ctr" defTabSz="8445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900" kern="1200">
              <a:latin typeface="Arial"/>
            </a:rPr>
            <a:t> CV </a:t>
          </a:r>
          <a:r>
            <a:rPr lang="sv-SE" sz="1900" kern="1200" err="1">
              <a:latin typeface="Arial"/>
            </a:rPr>
            <a:t>characterization</a:t>
          </a:r>
          <a:endParaRPr lang="sv-SE" sz="1900" kern="1200" err="1"/>
        </a:p>
      </dsp:txBody>
      <dsp:txXfrm>
        <a:off x="5722464" y="2396133"/>
        <a:ext cx="1969596" cy="955084"/>
      </dsp:txXfrm>
    </dsp:sp>
    <dsp:sp modelId="{BEE2B05C-D402-4D7E-AB4C-8362BC57C40D}">
      <dsp:nvSpPr>
        <dsp:cNvPr id="0" name=""/>
        <dsp:cNvSpPr/>
      </dsp:nvSpPr>
      <dsp:spPr>
        <a:xfrm rot="2142401">
          <a:off x="4787195" y="3730653"/>
          <a:ext cx="999500" cy="36079"/>
        </a:xfrm>
        <a:custGeom>
          <a:avLst/>
          <a:gdLst/>
          <a:ahLst/>
          <a:cxnLst/>
          <a:rect l="0" t="0" r="0" b="0"/>
          <a:pathLst>
            <a:path>
              <a:moveTo>
                <a:pt x="0" y="18039"/>
              </a:moveTo>
              <a:lnTo>
                <a:pt x="999500" y="18039"/>
              </a:lnTo>
            </a:path>
          </a:pathLst>
        </a:custGeom>
        <a:noFill/>
        <a:ln w="25400" cap="flat" cmpd="sng" algn="ctr">
          <a:solidFill>
            <a:schemeClr val="dk2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500" kern="1200"/>
        </a:p>
      </dsp:txBody>
      <dsp:txXfrm>
        <a:off x="5261958" y="3723705"/>
        <a:ext cx="49975" cy="49975"/>
      </dsp:txXfrm>
    </dsp:sp>
    <dsp:sp modelId="{66305D2E-EC85-44EE-AB9E-8996A44C5325}">
      <dsp:nvSpPr>
        <dsp:cNvPr id="0" name=""/>
        <dsp:cNvSpPr/>
      </dsp:nvSpPr>
      <dsp:spPr>
        <a:xfrm>
          <a:off x="5692750" y="3533108"/>
          <a:ext cx="2029024" cy="1014512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2065" tIns="12065" rIns="12065" bIns="12065" numCol="1" spcCol="1270" anchor="ctr" anchorCtr="0">
          <a:noAutofit/>
        </a:bodyPr>
        <a:lstStyle/>
        <a:p>
          <a:pPr marL="0" lvl="0" indent="0" algn="ctr" defTabSz="8445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900" kern="1200">
              <a:latin typeface="Arial"/>
            </a:rPr>
            <a:t> UV – vis absorption </a:t>
          </a:r>
          <a:r>
            <a:rPr lang="sv-SE" sz="1900" kern="1200" err="1">
              <a:latin typeface="Arial"/>
            </a:rPr>
            <a:t>spectroscopy</a:t>
          </a:r>
          <a:r>
            <a:rPr lang="sv-SE" sz="1900" kern="1200">
              <a:latin typeface="Arial"/>
            </a:rPr>
            <a:t> </a:t>
          </a:r>
        </a:p>
      </dsp:txBody>
      <dsp:txXfrm>
        <a:off x="5722464" y="3562822"/>
        <a:ext cx="1969596" cy="955084"/>
      </dsp:txXfrm>
    </dsp:sp>
    <dsp:sp modelId="{391DA003-5BAA-449F-8F7F-5B3107325DA8}">
      <dsp:nvSpPr>
        <dsp:cNvPr id="0" name=""/>
        <dsp:cNvSpPr/>
      </dsp:nvSpPr>
      <dsp:spPr>
        <a:xfrm rot="19579487">
          <a:off x="7641598" y="3757395"/>
          <a:ext cx="955589" cy="36079"/>
        </a:xfrm>
        <a:custGeom>
          <a:avLst/>
          <a:gdLst/>
          <a:ahLst/>
          <a:cxnLst/>
          <a:rect l="0" t="0" r="0" b="0"/>
          <a:pathLst>
            <a:path>
              <a:moveTo>
                <a:pt x="0" y="18039"/>
              </a:moveTo>
              <a:lnTo>
                <a:pt x="955589" y="18039"/>
              </a:lnTo>
            </a:path>
          </a:pathLst>
        </a:custGeom>
        <a:noFill/>
        <a:ln w="25400" cap="flat" cmpd="sng" algn="ctr">
          <a:solidFill>
            <a:schemeClr val="dk2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500" kern="1200"/>
        </a:p>
      </dsp:txBody>
      <dsp:txXfrm>
        <a:off x="8095503" y="3751545"/>
        <a:ext cx="47779" cy="47779"/>
      </dsp:txXfrm>
    </dsp:sp>
    <dsp:sp modelId="{0D2E4265-3717-48E8-990A-C4E539D16E81}">
      <dsp:nvSpPr>
        <dsp:cNvPr id="0" name=""/>
        <dsp:cNvSpPr/>
      </dsp:nvSpPr>
      <dsp:spPr>
        <a:xfrm>
          <a:off x="8517010" y="3003249"/>
          <a:ext cx="2029024" cy="1014512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2065" tIns="12065" rIns="12065" bIns="12065" numCol="1" spcCol="1270" anchor="ctr" anchorCtr="0">
          <a:noAutofit/>
        </a:bodyPr>
        <a:lstStyle/>
        <a:p>
          <a:pPr marL="0" lvl="0" indent="0" algn="ctr" defTabSz="8445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900" kern="1200">
              <a:latin typeface="Arial"/>
            </a:rPr>
            <a:t> Over oxidation</a:t>
          </a:r>
        </a:p>
      </dsp:txBody>
      <dsp:txXfrm>
        <a:off x="8546724" y="3032963"/>
        <a:ext cx="1969596" cy="955084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ierarchy2">
  <dgm:title val=""/>
  <dgm:desc val=""/>
  <dgm:catLst>
    <dgm:cat type="hierarchy" pri="5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diagram">
    <dgm:varLst>
      <dgm:chPref val="1"/>
      <dgm:dir/>
      <dgm:animOne val="branch"/>
      <dgm:animLvl val="lvl"/>
      <dgm:resizeHandles val="exact"/>
    </dgm:varLst>
    <dgm:choose name="Name0">
      <dgm:if name="Name1" func="var" arg="dir" op="equ" val="norm">
        <dgm:alg type="hierChild">
          <dgm:param type="linDir" val="fromT"/>
          <dgm:param type="chAlign" val="l"/>
        </dgm:alg>
      </dgm:if>
      <dgm:else name="Name2">
        <dgm:alg type="hierChild">
          <dgm:param type="linDir" val="fromT"/>
          <dgm:param type="ch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des" ptType="node" refType="h"/>
      <dgm:constr type="w" for="des" ptType="node" refType="h" refFor="des" refPtType="node" fact="2"/>
      <dgm:constr type="sibSp" refType="h" refFor="des" refPtType="node" op="equ" fact="0.15"/>
      <dgm:constr type="sibSp" for="des" forName="level2hierChild" refType="h" refFor="des" refPtType="node" op="equ" fact="0.15"/>
      <dgm:constr type="sibSp" for="des" forName="level3hierChild" refType="h" refFor="des" refPtType="node" op="equ" fact="0.15"/>
      <dgm:constr type="sp" for="des" forName="root1" refType="w" refFor="des" refPtType="node" fact="0.4"/>
      <dgm:constr type="sp" for="des" forName="root2" refType="sp" refFor="des" refForName="root1" op="equ"/>
      <dgm:constr type="primFontSz" for="des" ptType="node" op="equ" val="65"/>
      <dgm:constr type="primFontSz" for="des" forName="connTx" op="equ" val="55"/>
      <dgm:constr type="primFontSz" for="des" forName="connTx" refType="primFontSz" refFor="des" refPtType="node" op="lte" fact="0.8"/>
    </dgm:constrLst>
    <dgm:ruleLst/>
    <dgm:forEach name="Name3" axis="ch">
      <dgm:forEach name="Name4" axis="self" ptType="node">
        <dgm:layoutNode name="root1">
          <dgm:choose name="Name5">
            <dgm:if name="Name6" func="var" arg="dir" op="equ" val="norm">
              <dgm:alg type="hierRoot">
                <dgm:param type="hierAlign" val="lCtrCh"/>
              </dgm:alg>
            </dgm:if>
            <dgm:else name="Name7">
              <dgm:alg type="hierRoot">
                <dgm:param type="hierAlign" val="rCtrCh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/>
          <dgm:layoutNode name="LevelOneTextNode" styleLbl="node0">
            <dgm:varLst>
              <dgm:chPref val="3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self"/>
            <dgm:constrLst>
              <dgm:constr type="tMarg" refType="primFontSz" fact="0.05"/>
              <dgm:constr type="bMarg" refType="primFontSz" fact="0.05"/>
              <dgm:constr type="lMarg" refType="primFontSz" fact="0.05"/>
              <dgm:constr type="rMarg" refType="primFontSz" fact="0.05"/>
            </dgm:constrLst>
            <dgm:ruleLst>
              <dgm:rule type="primFontSz" val="5" fact="NaN" max="NaN"/>
            </dgm:ruleLst>
          </dgm:layoutNode>
          <dgm:layoutNode name="level2hierChild">
            <dgm:choose name="Name8">
              <dgm:if name="Name9" func="var" arg="dir" op="equ" val="norm">
                <dgm:alg type="hierChild">
                  <dgm:param type="linDir" val="fromT"/>
                  <dgm:param type="chAlign" val="l"/>
                </dgm:alg>
              </dgm:if>
              <dgm:else name="Name10">
                <dgm:alg type="hierChild">
                  <dgm:param type="linDir" val="fromT"/>
                  <dgm:param type="chAlign" val="r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eat" axis="ch">
              <dgm:forEach name="Name11" axis="self" ptType="parTrans" cnt="1">
                <dgm:layoutNode name="conn2-1">
                  <dgm:choose name="Name12">
                    <dgm:if name="Name13" func="var" arg="dir" op="equ" val="norm">
                      <dgm:alg type="conn">
                        <dgm:param type="dim" val="1D"/>
                        <dgm:param type="begPts" val="midR"/>
                        <dgm:param type="endPts" val="midL"/>
                        <dgm:param type="endSty" val="noArr"/>
                      </dgm:alg>
                    </dgm:if>
                    <dgm:else name="Name14">
                      <dgm:alg type="conn">
                        <dgm:param type="dim" val="1D"/>
                        <dgm:param type="begPts" val="midL"/>
                        <dgm:param type="endPts" val="midR"/>
                        <dgm:param type="endSty" val="noArr"/>
                      </dgm:alg>
                    </dgm:else>
                  </dgm:choose>
                  <dgm:shape xmlns:r="http://schemas.openxmlformats.org/officeDocument/2006/relationships" type="conn" r:blip="">
                    <dgm:adjLst/>
                  </dgm:shape>
                  <dgm:presOf axis="self"/>
                  <dgm:constrLst>
                    <dgm:constr type="w" val="1"/>
                    <dgm:constr type="h" val="5"/>
                    <dgm:constr type="connDist"/>
                    <dgm:constr type="begPad"/>
                    <dgm:constr type="endPad"/>
                    <dgm:constr type="userA" for="ch" refType="connDist"/>
                  </dgm:constrLst>
                  <dgm:ruleLst/>
                  <dgm:layoutNode name="connTx">
                    <dgm:alg type="tx">
                      <dgm:param type="autoTxRot" val="grav"/>
                    </dgm:alg>
                    <dgm:shape xmlns:r="http://schemas.openxmlformats.org/officeDocument/2006/relationships" type="rect" r:blip="" hideGeom="1">
                      <dgm:adjLst/>
                    </dgm:shape>
                    <dgm:presOf axis="self"/>
                    <dgm:constrLst>
                      <dgm:constr type="userA"/>
                      <dgm:constr type="w" refType="userA" fact="0.05"/>
                      <dgm:constr type="h" refType="userA" fact="0.05"/>
                      <dgm:constr type="lMarg" val="1"/>
                      <dgm:constr type="rMarg" val="1"/>
                      <dgm:constr type="tMarg"/>
                      <dgm:constr type="bMarg"/>
                    </dgm:constrLst>
                    <dgm:ruleLst>
                      <dgm:rule type="h" val="NaN" fact="0.25" max="NaN"/>
                      <dgm:rule type="w" val="NaN" fact="0.8" max="NaN"/>
                      <dgm:rule type="primFontSz" val="5" fact="NaN" max="NaN"/>
                    </dgm:ruleLst>
                  </dgm:layoutNode>
                </dgm:layoutNode>
              </dgm:forEach>
              <dgm:forEach name="Name15" axis="self" ptType="node">
                <dgm:layoutNode name="root2">
                  <dgm:choose name="Name16">
                    <dgm:if name="Name17" func="var" arg="dir" op="equ" val="norm">
                      <dgm:alg type="hierRoot">
                        <dgm:param type="hierAlign" val="lCtrCh"/>
                      </dgm:alg>
                    </dgm:if>
                    <dgm:else name="Name18">
                      <dgm:alg type="hierRoot">
                        <dgm:param type="hierAlign" val="rCtrCh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layoutNode name="LevelTwoTextNode">
                    <dgm:varLst>
                      <dgm:chPref val="3"/>
                    </dgm:varLst>
                    <dgm:alg type="tx"/>
                    <dgm:shape xmlns:r="http://schemas.openxmlformats.org/officeDocument/2006/relationships" type="roundRect" r:blip="">
                      <dgm:adjLst>
                        <dgm:adj idx="1" val="0.1"/>
                      </dgm:adjLst>
                    </dgm:shape>
                    <dgm:presOf axis="self"/>
                    <dgm:constrLst>
                      <dgm:constr type="tMarg" refType="primFontSz" fact="0.05"/>
                      <dgm:constr type="bMarg" refType="primFontSz" fact="0.05"/>
                      <dgm:constr type="lMarg" refType="primFontSz" fact="0.05"/>
                      <dgm:constr type="r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level3hierChild">
                    <dgm:choose name="Name19">
                      <dgm:if name="Name20" func="var" arg="dir" op="equ" val="norm">
                        <dgm:alg type="hierChild">
                          <dgm:param type="linDir" val="fromT"/>
                          <dgm:param type="chAlign" val="l"/>
                        </dgm:alg>
                      </dgm:if>
                      <dgm:else name="Name21">
                        <dgm:alg type="hierChild">
                          <dgm:param type="linDir" val="fromT"/>
                          <dgm:param type="chAlign" val="r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  <dgm:forEach name="Name22" ref="repeat"/>
                  </dgm:layoutNode>
                </dgm:layoutNode>
              </dgm:forEach>
            </dgm:forEach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3d3">
  <dgm:title val=""/>
  <dgm:desc val=""/>
  <dgm:catLst>
    <dgm:cat type="3D" pri="11300"/>
  </dgm:catLst>
  <dgm:scene3d>
    <a:camera prst="orthographicFront"/>
    <a:lightRig rig="threePt" dir="t"/>
  </dgm:scene3d>
  <dgm:styleLbl name="node0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clear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flat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-182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1D1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>
        <a:rot lat="0" lon="0" rev="0"/>
      </a:camera>
      <a:lightRig rig="contrasting" dir="t">
        <a:rot lat="0" lon="0" rev="1200000"/>
      </a:lightRig>
    </dgm:scene3d>
    <dgm:sp3d z="10000"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4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1D1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Acc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2700" prstMaterial="flat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>
        <a:rot lat="0" lon="0" rev="0"/>
      </a:camera>
      <a:lightRig rig="contrasting" dir="t">
        <a:rot lat="0" lon="0" rev="1200000"/>
      </a:lightRig>
    </dgm:scene3d>
    <dgm:sp3d z="-300000" prstMaterial="plastic"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flat">
      <a:bevelT w="100800" h="1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>
        <a:rot lat="0" lon="0" rev="0"/>
      </a:camera>
      <a:lightRig rig="contrasting" dir="t">
        <a:rot lat="0" lon="0" rev="1200000"/>
      </a:lightRig>
    </dgm:scene3d>
    <dgm:sp3d z="-152400" prstMaterial="matte"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3691532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3642266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objekt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tshållare för anteckninga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latin typeface="Calibri"/>
                <a:ea typeface="ＭＳ Ｐゴシック"/>
                <a:cs typeface="Calibri"/>
              </a:rPr>
              <a:t>Add aniline to polyaniline, 0.8 gives polyaniline</a:t>
            </a:r>
            <a:endParaRPr lang="sv-SE"/>
          </a:p>
        </p:txBody>
      </p:sp>
      <p:sp>
        <p:nvSpPr>
          <p:cNvPr id="4" name="Platshållare för bild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2439502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indent="-285750">
              <a:spcBef>
                <a:spcPts val="432"/>
              </a:spcBef>
              <a:buFont typeface="Arial,Sans-Serif"/>
              <a:buChar char="•"/>
            </a:pPr>
            <a:r>
              <a:rPr lang="en-GB">
                <a:latin typeface="Arial"/>
                <a:ea typeface="ＭＳ Ｐゴシック"/>
                <a:cs typeface="Arial"/>
              </a:rPr>
              <a:t>Rinsing of WE revealed vague colour change in droplet – shorter oligomers are soluble </a:t>
            </a:r>
          </a:p>
          <a:p>
            <a:pPr marL="285750" indent="-285750">
              <a:spcBef>
                <a:spcPts val="432"/>
              </a:spcBef>
              <a:buFont typeface="Arial,Sans-Serif"/>
              <a:buChar char="•"/>
            </a:pPr>
            <a:r>
              <a:rPr lang="en-GB">
                <a:latin typeface="Arial"/>
                <a:ea typeface="ＭＳ Ｐゴシック"/>
                <a:cs typeface="Arial"/>
              </a:rPr>
              <a:t>Possibly due to degradation of PANI and formation of species like benzo- and hydroquinon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6274117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13676" name="text" descr="{&quot;templafy&quot;:{&quot;id&quot;:&quot;d83eb329-6f3f-4e84-875b-22890cbe52b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Sustain</a:t>
            </a:r>
          </a:p>
        </p:txBody>
      </p:sp>
      <p:sp>
        <p:nvSpPr>
          <p:cNvPr id="5" name="date" descr="{&quot;templafy&quot;:{&quot;id&quot;:&quot;1167196c-97e0-471a-8609-9a271d794e0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2 October 2022</a:t>
            </a:r>
          </a:p>
        </p:txBody>
      </p:sp>
      <p:sp>
        <p:nvSpPr>
          <p:cNvPr id="7" name="text" descr="{&quot;templafy&quot;:{&quot;id&quot;:&quot;93183b9a-a0f4-4d9a-800c-5911d85eba2f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9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DB5006-1173-97E8-43B5-5235D6F6BA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7071" y="2837814"/>
            <a:ext cx="11705866" cy="1173187"/>
          </a:xfrm>
        </p:spPr>
        <p:txBody>
          <a:bodyPr>
            <a:normAutofit fontScale="90000"/>
          </a:bodyPr>
          <a:lstStyle/>
          <a:p>
            <a:r>
              <a:rPr lang="en-GB" sz="6600" b="0" err="1">
                <a:effectLst/>
                <a:latin typeface="Arial" panose="020B0604020202020204" pitchFamily="34" charset="0"/>
              </a:rPr>
              <a:t>Electropolymerization</a:t>
            </a:r>
            <a:r>
              <a:rPr lang="en-GB" sz="6600" b="0">
                <a:effectLst/>
                <a:latin typeface="Arial" panose="020B0604020202020204" pitchFamily="34" charset="0"/>
              </a:rPr>
              <a:t> of Aniline</a:t>
            </a:r>
            <a:br>
              <a:rPr lang="en-GB" sz="8800" b="0" i="0">
                <a:effectLst/>
                <a:latin typeface="Arial" panose="020B0604020202020204" pitchFamily="34" charset="0"/>
              </a:rPr>
            </a:br>
            <a:endParaRPr lang="en-GB" sz="880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9C49C08-8DE7-69EE-C40C-39BCDE11168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1" y="3519062"/>
            <a:ext cx="10840028" cy="1660654"/>
          </a:xfrm>
        </p:spPr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ikolas Vitaliti s223455</a:t>
            </a:r>
          </a:p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D9012EA-8222-C771-D854-B0D0887B460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2525232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ktangel: rundade hörn 10">
            <a:extLst>
              <a:ext uri="{FF2B5EF4-FFF2-40B4-BE49-F238E27FC236}">
                <a16:creationId xmlns:a16="http://schemas.microsoft.com/office/drawing/2014/main" id="{76192E61-EB64-9A98-C3D7-AE17167B7604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64BAB01-7D3C-93D9-063D-D710160C25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40310" y="211617"/>
            <a:ext cx="9312374" cy="972716"/>
          </a:xfrm>
        </p:spPr>
        <p:txBody>
          <a:bodyPr/>
          <a:lstStyle/>
          <a:p>
            <a:r>
              <a:rPr lang="en-GB">
                <a:solidFill>
                  <a:srgbClr val="FFFFFF"/>
                </a:solidFill>
                <a:cs typeface="Arial"/>
              </a:rPr>
              <a:t>UV-vis spectroscopy 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E02BF-920D-F785-1990-28A9F9555A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443353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10" name="textruta 9">
            <a:extLst>
              <a:ext uri="{FF2B5EF4-FFF2-40B4-BE49-F238E27FC236}">
                <a16:creationId xmlns:a16="http://schemas.microsoft.com/office/drawing/2014/main" id="{A956CD34-1011-11E1-F56D-113A45BBF2E3}"/>
              </a:ext>
            </a:extLst>
          </p:cNvPr>
          <p:cNvSpPr txBox="1"/>
          <p:nvPr/>
        </p:nvSpPr>
        <p:spPr>
          <a:xfrm>
            <a:off x="787688" y="1833526"/>
            <a:ext cx="6312766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Absorption at potential </a:t>
            </a:r>
            <a:r>
              <a:rPr lang="sv-SE" err="1">
                <a:latin typeface="+mn-lt"/>
                <a:ea typeface="ＭＳ Ｐゴシック"/>
                <a:cs typeface="Arial"/>
              </a:rPr>
              <a:t>holds</a:t>
            </a:r>
            <a:r>
              <a:rPr lang="sv-SE">
                <a:latin typeface="+mn-lt"/>
                <a:ea typeface="ＭＳ Ｐゴシック"/>
                <a:cs typeface="Arial"/>
              </a:rPr>
              <a:t> </a:t>
            </a:r>
            <a:r>
              <a:rPr lang="sv-SE" err="1">
                <a:latin typeface="+mn-lt"/>
                <a:ea typeface="ＭＳ Ｐゴシック"/>
                <a:cs typeface="Arial"/>
              </a:rPr>
              <a:t>corresponding</a:t>
            </a:r>
            <a:r>
              <a:rPr lang="sv-SE">
                <a:latin typeface="+mn-lt"/>
                <a:ea typeface="ＭＳ Ｐゴシック"/>
                <a:cs typeface="Arial"/>
              </a:rPr>
              <a:t> to  different redox </a:t>
            </a:r>
            <a:r>
              <a:rPr lang="sv-SE" err="1">
                <a:latin typeface="+mn-lt"/>
                <a:ea typeface="ＭＳ Ｐゴシック"/>
                <a:cs typeface="Arial"/>
              </a:rPr>
              <a:t>states</a:t>
            </a:r>
            <a:endParaRPr lang="sv-SE" err="1">
              <a:latin typeface="+mn-lt"/>
              <a:cs typeface="Arial"/>
            </a:endParaRPr>
          </a:p>
        </p:txBody>
      </p:sp>
      <p:pic>
        <p:nvPicPr>
          <p:cNvPr id="12" name="Bildobjekt 12">
            <a:extLst>
              <a:ext uri="{FF2B5EF4-FFF2-40B4-BE49-F238E27FC236}">
                <a16:creationId xmlns:a16="http://schemas.microsoft.com/office/drawing/2014/main" id="{84DC5A15-6DEE-5F7C-0FA4-0E3397DE920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3788" y="2081429"/>
            <a:ext cx="6112873" cy="4461691"/>
          </a:xfrm>
          <a:prstGeom prst="rect">
            <a:avLst/>
          </a:prstGeom>
        </p:spPr>
      </p:pic>
      <p:sp>
        <p:nvSpPr>
          <p:cNvPr id="13" name="textruta 12">
            <a:extLst>
              <a:ext uri="{FF2B5EF4-FFF2-40B4-BE49-F238E27FC236}">
                <a16:creationId xmlns:a16="http://schemas.microsoft.com/office/drawing/2014/main" id="{5075C9F8-F90E-501A-6E9F-347CBF079311}"/>
              </a:ext>
            </a:extLst>
          </p:cNvPr>
          <p:cNvSpPr txBox="1"/>
          <p:nvPr/>
        </p:nvSpPr>
        <p:spPr>
          <a:xfrm>
            <a:off x="7002663" y="2338253"/>
            <a:ext cx="5063646" cy="406265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b="1">
                <a:latin typeface="+mn-lt"/>
                <a:ea typeface="ＭＳ Ｐゴシック"/>
                <a:cs typeface="Arial"/>
              </a:rPr>
              <a:t>Two absorption ranges</a:t>
            </a:r>
            <a:r>
              <a:rPr lang="sv-SE">
                <a:latin typeface="+mn-lt"/>
                <a:ea typeface="ＭＳ Ｐゴシック"/>
                <a:cs typeface="Arial"/>
              </a:rPr>
              <a:t>:</a:t>
            </a: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Oxidation leads to: </a:t>
            </a:r>
            <a:endParaRPr lang="sv-SE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/>
              <a:buChar char="•"/>
            </a:pPr>
            <a:r>
              <a:rPr lang="sv-SE" err="1">
                <a:latin typeface="+mn-lt"/>
                <a:ea typeface="ＭＳ Ｐゴシック"/>
                <a:cs typeface="Arial"/>
              </a:rPr>
              <a:t>Darker</a:t>
            </a:r>
            <a:r>
              <a:rPr lang="sv-SE">
                <a:latin typeface="+mn-lt"/>
                <a:ea typeface="ＭＳ Ｐゴシック"/>
                <a:cs typeface="Arial"/>
              </a:rPr>
              <a:t> film</a:t>
            </a:r>
          </a:p>
          <a:p>
            <a:pPr marL="742950" lvl="1" indent="-285750">
              <a:spcBef>
                <a:spcPts val="432"/>
              </a:spcBef>
              <a:buFont typeface="Arial"/>
              <a:buChar char="•"/>
            </a:pPr>
            <a:r>
              <a:rPr lang="sv-SE" b="1">
                <a:latin typeface="+mn-lt"/>
                <a:ea typeface="ＭＳ Ｐゴシック"/>
                <a:cs typeface="Arial"/>
              </a:rPr>
              <a:t>Higher absorption </a:t>
            </a:r>
            <a:r>
              <a:rPr lang="sv-SE">
                <a:latin typeface="+mn-lt"/>
                <a:ea typeface="ＭＳ Ｐゴシック"/>
                <a:cs typeface="Arial"/>
              </a:rPr>
              <a:t>in the </a:t>
            </a:r>
            <a:r>
              <a:rPr lang="sv-SE" i="1">
                <a:latin typeface="+mn-lt"/>
                <a:ea typeface="ＭＳ Ｐゴシック"/>
                <a:cs typeface="Arial"/>
              </a:rPr>
              <a:t>300-400 nm </a:t>
            </a:r>
            <a:r>
              <a:rPr lang="sv-SE">
                <a:latin typeface="+mn-lt"/>
                <a:ea typeface="ＭＳ Ｐゴシック"/>
                <a:cs typeface="Arial"/>
              </a:rPr>
              <a:t>range</a:t>
            </a:r>
          </a:p>
          <a:p>
            <a:pPr marL="742950" lvl="1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Arial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After </a:t>
            </a:r>
            <a:r>
              <a:rPr lang="sv-SE" i="1">
                <a:latin typeface="+mn-lt"/>
                <a:ea typeface="ＭＳ Ｐゴシック"/>
                <a:cs typeface="Arial"/>
              </a:rPr>
              <a:t>600 nm </a:t>
            </a:r>
            <a:r>
              <a:rPr lang="sv-SE">
                <a:latin typeface="+mn-lt"/>
                <a:ea typeface="ＭＳ Ｐゴシック"/>
                <a:cs typeface="Arial"/>
              </a:rPr>
              <a:t>peaks at different wavelength for different redox states</a:t>
            </a: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B7587477-D732-0A58-FE6C-7FD90FCA4693}"/>
              </a:ext>
            </a:extLst>
          </p:cNvPr>
          <p:cNvSpPr txBox="1"/>
          <p:nvPr/>
        </p:nvSpPr>
        <p:spPr>
          <a:xfrm>
            <a:off x="8955035" y="2338253"/>
            <a:ext cx="2004452" cy="61555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lvl="1"/>
            <a:r>
              <a:rPr lang="sv-SE" i="1">
                <a:latin typeface="Arial"/>
                <a:ea typeface="Arial"/>
                <a:cs typeface="Arial"/>
              </a:rPr>
              <a:t> 300 - 400 nm​</a:t>
            </a:r>
            <a:endParaRPr lang="sv-SE"/>
          </a:p>
          <a:p>
            <a:pPr lvl="1"/>
            <a:r>
              <a:rPr lang="sv-SE" i="1">
                <a:latin typeface="Arial"/>
                <a:ea typeface="Arial"/>
                <a:cs typeface="Arial"/>
              </a:rPr>
              <a:t> 600 - 900 nm</a:t>
            </a:r>
            <a:endParaRPr lang="sv-SE" i="1">
              <a:latin typeface="+mn-lt"/>
              <a:cs typeface="Arial"/>
            </a:endParaRPr>
          </a:p>
        </p:txBody>
      </p:sp>
      <p:sp>
        <p:nvSpPr>
          <p:cNvPr id="7" name="textruta 6">
            <a:extLst>
              <a:ext uri="{FF2B5EF4-FFF2-40B4-BE49-F238E27FC236}">
                <a16:creationId xmlns:a16="http://schemas.microsoft.com/office/drawing/2014/main" id="{EB51D916-2CE0-3173-F445-072879F5D735}"/>
              </a:ext>
            </a:extLst>
          </p:cNvPr>
          <p:cNvSpPr txBox="1"/>
          <p:nvPr/>
        </p:nvSpPr>
        <p:spPr>
          <a:xfrm>
            <a:off x="7444320" y="2344564"/>
            <a:ext cx="1681420" cy="54373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endParaRPr lang="sv-SE">
              <a:latin typeface="+mn-lt"/>
              <a:ea typeface="ＭＳ Ｐゴシック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9504149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ktangel: rundade hörn 10">
            <a:extLst>
              <a:ext uri="{FF2B5EF4-FFF2-40B4-BE49-F238E27FC236}">
                <a16:creationId xmlns:a16="http://schemas.microsoft.com/office/drawing/2014/main" id="{76192E61-EB64-9A98-C3D7-AE17167B7604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64BAB01-7D3C-93D9-063D-D710160C25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40310" y="211617"/>
            <a:ext cx="9312374" cy="972716"/>
          </a:xfrm>
        </p:spPr>
        <p:txBody>
          <a:bodyPr/>
          <a:lstStyle/>
          <a:p>
            <a:r>
              <a:rPr lang="en-GB">
                <a:solidFill>
                  <a:srgbClr val="FFFFFF"/>
                </a:solidFill>
                <a:cs typeface="Arial"/>
              </a:rPr>
              <a:t>PANI at higher potential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E02BF-920D-F785-1990-28A9F9555A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443353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pic>
        <p:nvPicPr>
          <p:cNvPr id="6" name="Bildobjekt 6">
            <a:extLst>
              <a:ext uri="{FF2B5EF4-FFF2-40B4-BE49-F238E27FC236}">
                <a16:creationId xmlns:a16="http://schemas.microsoft.com/office/drawing/2014/main" id="{772E4D77-DC24-7786-1EAE-5A4359B091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07497" y="2555096"/>
            <a:ext cx="4642704" cy="2896064"/>
          </a:xfrm>
          <a:prstGeom prst="rect">
            <a:avLst/>
          </a:prstGeom>
        </p:spPr>
      </p:pic>
      <p:pic>
        <p:nvPicPr>
          <p:cNvPr id="8" name="Bildobjekt 8">
            <a:extLst>
              <a:ext uri="{FF2B5EF4-FFF2-40B4-BE49-F238E27FC236}">
                <a16:creationId xmlns:a16="http://schemas.microsoft.com/office/drawing/2014/main" id="{2AA68238-7763-497B-D148-7B969C80ED1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51463" y="2554685"/>
            <a:ext cx="4005421" cy="2896885"/>
          </a:xfrm>
          <a:prstGeom prst="rect">
            <a:avLst/>
          </a:prstGeom>
        </p:spPr>
      </p:pic>
      <p:sp>
        <p:nvSpPr>
          <p:cNvPr id="9" name="textruta 8">
            <a:extLst>
              <a:ext uri="{FF2B5EF4-FFF2-40B4-BE49-F238E27FC236}">
                <a16:creationId xmlns:a16="http://schemas.microsoft.com/office/drawing/2014/main" id="{0B533101-FF4D-0161-D85F-1C1067C1B7A9}"/>
              </a:ext>
            </a:extLst>
          </p:cNvPr>
          <p:cNvSpPr txBox="1"/>
          <p:nvPr/>
        </p:nvSpPr>
        <p:spPr>
          <a:xfrm>
            <a:off x="2214753" y="1833989"/>
            <a:ext cx="7270650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Absorption </a:t>
            </a:r>
            <a:r>
              <a:rPr lang="sv-SE" b="1" err="1">
                <a:latin typeface="+mn-lt"/>
                <a:ea typeface="ＭＳ Ｐゴシック"/>
                <a:cs typeface="Arial"/>
              </a:rPr>
              <a:t>after</a:t>
            </a:r>
            <a:r>
              <a:rPr lang="sv-SE" b="1">
                <a:latin typeface="+mn-lt"/>
                <a:ea typeface="ＭＳ Ｐゴシック"/>
                <a:cs typeface="Arial"/>
              </a:rPr>
              <a:t> CV at </a:t>
            </a:r>
            <a:r>
              <a:rPr lang="sv-SE" b="1" err="1">
                <a:latin typeface="+mn-lt"/>
                <a:ea typeface="ＭＳ Ｐゴシック"/>
                <a:cs typeface="Arial"/>
              </a:rPr>
              <a:t>higher</a:t>
            </a:r>
            <a:r>
              <a:rPr lang="sv-SE" b="1">
                <a:latin typeface="+mn-lt"/>
                <a:ea typeface="ＭＳ Ｐゴシック"/>
                <a:cs typeface="Arial"/>
              </a:rPr>
              <a:t> potentials </a:t>
            </a:r>
            <a:r>
              <a:rPr lang="sv-SE">
                <a:latin typeface="+mn-lt"/>
                <a:ea typeface="ＭＳ Ｐゴシック"/>
                <a:cs typeface="Arial"/>
              </a:rPr>
              <a:t>and </a:t>
            </a:r>
            <a:r>
              <a:rPr lang="sv-SE" b="1">
                <a:latin typeface="+mn-lt"/>
                <a:ea typeface="ＭＳ Ｐゴシック"/>
                <a:cs typeface="Arial"/>
              </a:rPr>
              <a:t>potential </a:t>
            </a:r>
            <a:r>
              <a:rPr lang="sv-SE" b="1" err="1">
                <a:latin typeface="+mn-lt"/>
                <a:ea typeface="ＭＳ Ｐゴシック"/>
                <a:cs typeface="Arial"/>
              </a:rPr>
              <a:t>hold</a:t>
            </a:r>
            <a:r>
              <a:rPr lang="sv-SE" b="1">
                <a:latin typeface="+mn-lt"/>
                <a:ea typeface="ＭＳ Ｐゴシック"/>
                <a:cs typeface="Arial"/>
              </a:rPr>
              <a:t> at 0.35 V </a:t>
            </a:r>
            <a:endParaRPr lang="sv-SE" b="1">
              <a:latin typeface="Arial"/>
              <a:cs typeface="Arial"/>
            </a:endParaRPr>
          </a:p>
        </p:txBody>
      </p:sp>
      <p:sp>
        <p:nvSpPr>
          <p:cNvPr id="5" name="textruta 4">
            <a:extLst>
              <a:ext uri="{FF2B5EF4-FFF2-40B4-BE49-F238E27FC236}">
                <a16:creationId xmlns:a16="http://schemas.microsoft.com/office/drawing/2014/main" id="{1436B352-7EE4-C8AE-1AB2-69755390FE3D}"/>
              </a:ext>
            </a:extLst>
          </p:cNvPr>
          <p:cNvSpPr txBox="1"/>
          <p:nvPr/>
        </p:nvSpPr>
        <p:spPr>
          <a:xfrm>
            <a:off x="6352409" y="5567205"/>
            <a:ext cx="5442023" cy="54373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Less absorbance after over-oxidation</a:t>
            </a:r>
            <a:endParaRPr lang="sv-SE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</p:txBody>
      </p:sp>
      <p:sp>
        <p:nvSpPr>
          <p:cNvPr id="7" name="textruta 6">
            <a:extLst>
              <a:ext uri="{FF2B5EF4-FFF2-40B4-BE49-F238E27FC236}">
                <a16:creationId xmlns:a16="http://schemas.microsoft.com/office/drawing/2014/main" id="{D3A9178B-A213-D82B-511B-04281050064D}"/>
              </a:ext>
            </a:extLst>
          </p:cNvPr>
          <p:cNvSpPr txBox="1"/>
          <p:nvPr/>
        </p:nvSpPr>
        <p:spPr>
          <a:xfrm>
            <a:off x="2212572" y="5518043"/>
            <a:ext cx="5442023" cy="54373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err="1">
                <a:latin typeface="+mn-lt"/>
                <a:ea typeface="ＭＳ Ｐゴシック"/>
                <a:cs typeface="Arial"/>
              </a:rPr>
              <a:t>Decreasing</a:t>
            </a:r>
            <a:r>
              <a:rPr lang="sv-SE">
                <a:latin typeface="+mn-lt"/>
                <a:ea typeface="ＭＳ Ｐゴシック"/>
                <a:cs typeface="Arial"/>
              </a:rPr>
              <a:t> </a:t>
            </a:r>
            <a:r>
              <a:rPr lang="sv-SE" err="1">
                <a:latin typeface="+mn-lt"/>
                <a:ea typeface="ＭＳ Ｐゴシック"/>
                <a:cs typeface="Arial"/>
              </a:rPr>
              <a:t>current</a:t>
            </a:r>
            <a:endParaRPr lang="sv-SE" err="1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</p:txBody>
      </p:sp>
      <p:sp>
        <p:nvSpPr>
          <p:cNvPr id="15" name="textruta 14">
            <a:extLst>
              <a:ext uri="{FF2B5EF4-FFF2-40B4-BE49-F238E27FC236}">
                <a16:creationId xmlns:a16="http://schemas.microsoft.com/office/drawing/2014/main" id="{8B00E5D9-6411-E72C-1DFE-9D3DF61281FF}"/>
              </a:ext>
            </a:extLst>
          </p:cNvPr>
          <p:cNvSpPr txBox="1"/>
          <p:nvPr/>
        </p:nvSpPr>
        <p:spPr>
          <a:xfrm>
            <a:off x="8366511" y="2206225"/>
            <a:ext cx="7270650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err="1">
                <a:latin typeface="+mn-lt"/>
                <a:ea typeface="ＭＳ Ｐゴシック"/>
                <a:cs typeface="Arial"/>
              </a:rPr>
              <a:t>Emeraldine</a:t>
            </a:r>
            <a:r>
              <a:rPr lang="sv-SE">
                <a:latin typeface="+mn-lt"/>
                <a:ea typeface="ＭＳ Ｐゴシック"/>
                <a:cs typeface="Arial"/>
              </a:rPr>
              <a:t> </a:t>
            </a:r>
            <a:endParaRPr lang="sv-SE">
              <a:latin typeface="Arial"/>
              <a:cs typeface="Arial"/>
            </a:endParaRPr>
          </a:p>
        </p:txBody>
      </p:sp>
      <p:cxnSp>
        <p:nvCxnSpPr>
          <p:cNvPr id="17" name="Rak pilkoppling 16">
            <a:extLst>
              <a:ext uri="{FF2B5EF4-FFF2-40B4-BE49-F238E27FC236}">
                <a16:creationId xmlns:a16="http://schemas.microsoft.com/office/drawing/2014/main" id="{48881963-4141-6D93-F877-0FE5CBA9FA1C}"/>
              </a:ext>
            </a:extLst>
          </p:cNvPr>
          <p:cNvCxnSpPr/>
          <p:nvPr/>
        </p:nvCxnSpPr>
        <p:spPr bwMode="auto">
          <a:xfrm>
            <a:off x="7661185" y="2111528"/>
            <a:ext cx="649390" cy="18885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39744868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A14B4CA-F99D-0997-F41E-82331D69D4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cs typeface="Arial"/>
              </a:rPr>
              <a:t>Conclusion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E3D43CB-4841-808A-3D72-80FCE0CD191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197485" indent="-197485" algn="l">
              <a:spcBef>
                <a:spcPts val="432"/>
              </a:spcBef>
            </a:pPr>
            <a:r>
              <a:rPr lang="it-IT">
                <a:latin typeface="+mn-lt"/>
              </a:rPr>
              <a:t>PANI </a:t>
            </a:r>
            <a:r>
              <a:rPr lang="it-IT" err="1">
                <a:latin typeface="+mn-lt"/>
              </a:rPr>
              <a:t>is</a:t>
            </a:r>
            <a:r>
              <a:rPr lang="it-IT">
                <a:latin typeface="+mn-lt"/>
              </a:rPr>
              <a:t> an </a:t>
            </a:r>
            <a:r>
              <a:rPr lang="it-IT" err="1">
                <a:latin typeface="+mn-lt"/>
              </a:rPr>
              <a:t>interesting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polymer</a:t>
            </a:r>
            <a:r>
              <a:rPr lang="it-IT">
                <a:latin typeface="+mn-lt"/>
              </a:rPr>
              <a:t> to investigate </a:t>
            </a:r>
            <a:r>
              <a:rPr lang="it-IT" err="1">
                <a:latin typeface="+mn-lt"/>
              </a:rPr>
              <a:t>a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t’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easily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tunabl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between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t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different</a:t>
            </a:r>
            <a:r>
              <a:rPr lang="it-IT">
                <a:latin typeface="+mn-lt"/>
              </a:rPr>
              <a:t> redox </a:t>
            </a:r>
            <a:r>
              <a:rPr lang="it-IT" err="1">
                <a:latin typeface="+mn-lt"/>
              </a:rPr>
              <a:t>states</a:t>
            </a:r>
            <a:r>
              <a:rPr lang="it-IT"/>
              <a:t>:</a:t>
            </a:r>
          </a:p>
          <a:p>
            <a:pPr marL="413385" lvl="1" indent="-197485">
              <a:spcBef>
                <a:spcPts val="432"/>
              </a:spcBef>
            </a:pPr>
            <a:r>
              <a:rPr lang="en-GB" err="1">
                <a:latin typeface="+mn-lt"/>
                <a:cs typeface="Arial"/>
              </a:rPr>
              <a:t>Leucoemerladine</a:t>
            </a:r>
            <a:endParaRPr lang="en-GB">
              <a:cs typeface="Arial"/>
            </a:endParaRPr>
          </a:p>
          <a:p>
            <a:pPr marL="413385" lvl="1" indent="-197485">
              <a:spcBef>
                <a:spcPts val="432"/>
              </a:spcBef>
            </a:pPr>
            <a:r>
              <a:rPr lang="en-GB">
                <a:latin typeface="+mn-lt"/>
                <a:cs typeface="Arial"/>
              </a:rPr>
              <a:t>Emeraldine</a:t>
            </a:r>
          </a:p>
          <a:p>
            <a:pPr marL="413385" lvl="1" indent="-197485">
              <a:spcBef>
                <a:spcPts val="432"/>
              </a:spcBef>
            </a:pPr>
            <a:r>
              <a:rPr lang="en-GB" err="1">
                <a:latin typeface="+mn-lt"/>
                <a:cs typeface="Arial"/>
              </a:rPr>
              <a:t>Pernigraniline</a:t>
            </a:r>
            <a:endParaRPr lang="en-GB">
              <a:latin typeface="+mn-lt"/>
              <a:cs typeface="Arial"/>
            </a:endParaRPr>
          </a:p>
          <a:p>
            <a:pPr marL="197485" indent="-197485"/>
            <a:endParaRPr lang="it-IT">
              <a:cs typeface="Arial"/>
            </a:endParaRPr>
          </a:p>
          <a:p>
            <a:pPr marL="197485" indent="-197485"/>
            <a:r>
              <a:rPr lang="it-IT" err="1">
                <a:cs typeface="Arial"/>
              </a:rPr>
              <a:t>Observed</a:t>
            </a:r>
            <a:r>
              <a:rPr lang="it-IT">
                <a:cs typeface="Arial"/>
              </a:rPr>
              <a:t> a linear relation </a:t>
            </a:r>
            <a:r>
              <a:rPr lang="it-IT" err="1">
                <a:cs typeface="Arial"/>
              </a:rPr>
              <a:t>between</a:t>
            </a:r>
            <a:r>
              <a:rPr lang="it-IT">
                <a:cs typeface="Arial"/>
              </a:rPr>
              <a:t> </a:t>
            </a:r>
            <a:r>
              <a:rPr lang="it-IT" err="1">
                <a:cs typeface="Arial"/>
              </a:rPr>
              <a:t>peak</a:t>
            </a:r>
            <a:r>
              <a:rPr lang="it-IT">
                <a:cs typeface="Arial"/>
              </a:rPr>
              <a:t> </a:t>
            </a:r>
            <a:r>
              <a:rPr lang="it-IT" err="1">
                <a:cs typeface="Arial"/>
              </a:rPr>
              <a:t>current</a:t>
            </a:r>
            <a:r>
              <a:rPr lang="it-IT">
                <a:cs typeface="Arial"/>
              </a:rPr>
              <a:t> and </a:t>
            </a:r>
            <a:r>
              <a:rPr lang="it-IT" err="1">
                <a:cs typeface="Arial"/>
              </a:rPr>
              <a:t>scan</a:t>
            </a:r>
            <a:r>
              <a:rPr lang="it-IT">
                <a:cs typeface="Arial"/>
              </a:rPr>
              <a:t> rate</a:t>
            </a:r>
          </a:p>
          <a:p>
            <a:pPr marL="197485" indent="-197485"/>
            <a:r>
              <a:rPr lang="it-IT" err="1">
                <a:cs typeface="Arial"/>
              </a:rPr>
              <a:t>Absorption</a:t>
            </a:r>
            <a:r>
              <a:rPr lang="it-IT">
                <a:cs typeface="Arial"/>
              </a:rPr>
              <a:t> in </a:t>
            </a:r>
            <a:r>
              <a:rPr lang="it-IT" err="1">
                <a:cs typeface="Arial"/>
              </a:rPr>
              <a:t>two</a:t>
            </a:r>
            <a:r>
              <a:rPr lang="it-IT">
                <a:cs typeface="Arial"/>
              </a:rPr>
              <a:t> ranges (300-400 nm and 600-900 nm) </a:t>
            </a:r>
          </a:p>
          <a:p>
            <a:pPr marL="197485" indent="-197485"/>
            <a:r>
              <a:rPr lang="it-IT" err="1">
                <a:cs typeface="Arial"/>
              </a:rPr>
              <a:t>Overoxidation</a:t>
            </a:r>
            <a:r>
              <a:rPr lang="it-IT">
                <a:cs typeface="Arial"/>
              </a:rPr>
              <a:t> lead to </a:t>
            </a:r>
            <a:r>
              <a:rPr lang="it-IT" err="1">
                <a:cs typeface="Arial"/>
              </a:rPr>
              <a:t>degradation</a:t>
            </a:r>
            <a:r>
              <a:rPr lang="it-IT">
                <a:cs typeface="Arial"/>
              </a:rPr>
              <a:t> of </a:t>
            </a:r>
            <a:r>
              <a:rPr lang="it-IT" err="1">
                <a:cs typeface="Arial"/>
              </a:rPr>
              <a:t>polyaniline</a:t>
            </a:r>
            <a:r>
              <a:rPr lang="it-IT">
                <a:cs typeface="Arial"/>
              </a:rPr>
              <a:t> </a:t>
            </a:r>
          </a:p>
          <a:p>
            <a:pPr marL="0" indent="0">
              <a:buNone/>
            </a:pPr>
            <a:endParaRPr lang="it-IT">
              <a:cs typeface="Arial"/>
            </a:endParaRPr>
          </a:p>
          <a:p>
            <a:pPr marL="197485" indent="-197485"/>
            <a:endParaRPr lang="it-IT">
              <a:cs typeface="Arial"/>
            </a:endParaRPr>
          </a:p>
          <a:p>
            <a:pPr marL="0" indent="0">
              <a:buNone/>
            </a:pPr>
            <a:endParaRPr lang="it-IT">
              <a:cs typeface="Arial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61D624F-1D54-9807-E2CC-F4941AE7629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2706039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762624DE-8F8C-B4CA-6B32-90F40E5D4A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21BBC14-2537-74C1-8741-79258D0A882C}"/>
              </a:ext>
            </a:extLst>
          </p:cNvPr>
          <p:cNvSpPr txBox="1"/>
          <p:nvPr/>
        </p:nvSpPr>
        <p:spPr>
          <a:xfrm>
            <a:off x="3238500" y="2400300"/>
            <a:ext cx="7563100" cy="135421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8800" b="1">
                <a:solidFill>
                  <a:srgbClr val="C00000"/>
                </a:solidFill>
                <a:latin typeface="+mn-lt"/>
              </a:rPr>
              <a:t>Thank </a:t>
            </a:r>
            <a:r>
              <a:rPr lang="it-IT" sz="8800" b="1" err="1">
                <a:solidFill>
                  <a:srgbClr val="C00000"/>
                </a:solidFill>
                <a:latin typeface="+mn-lt"/>
              </a:rPr>
              <a:t>you</a:t>
            </a:r>
            <a:r>
              <a:rPr lang="it-IT" sz="8800" b="1">
                <a:solidFill>
                  <a:srgbClr val="C00000"/>
                </a:solidFill>
                <a:latin typeface="+mn-lt"/>
              </a:rPr>
              <a:t>!</a:t>
            </a:r>
            <a:endParaRPr lang="en-GB" sz="8800" b="1" err="1">
              <a:solidFill>
                <a:srgbClr val="C0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9232912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1A9175-C436-56C0-7B03-8214F3659EB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sp>
        <p:nvSpPr>
          <p:cNvPr id="5" name="Rektangel: rundade hörn 10">
            <a:extLst>
              <a:ext uri="{FF2B5EF4-FFF2-40B4-BE49-F238E27FC236}">
                <a16:creationId xmlns:a16="http://schemas.microsoft.com/office/drawing/2014/main" id="{34877D03-D1D2-EED2-97FC-1E5A797E92E8}"/>
              </a:ext>
            </a:extLst>
          </p:cNvPr>
          <p:cNvSpPr/>
          <p:nvPr/>
        </p:nvSpPr>
        <p:spPr bwMode="auto">
          <a:xfrm>
            <a:off x="1000243" y="466852"/>
            <a:ext cx="7472548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30FD2BFE-A430-036E-4EA2-A3B20C76B5F9}"/>
              </a:ext>
            </a:extLst>
          </p:cNvPr>
          <p:cNvSpPr txBox="1">
            <a:spLocks/>
          </p:cNvSpPr>
          <p:nvPr/>
        </p:nvSpPr>
        <p:spPr bwMode="auto">
          <a:xfrm>
            <a:off x="1143720" y="78846"/>
            <a:ext cx="6925895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it-IT" kern="0">
                <a:solidFill>
                  <a:schemeClr val="bg1"/>
                </a:solidFill>
                <a:cs typeface="Arial"/>
              </a:rPr>
              <a:t>Conducting polymer - Polyaniline</a:t>
            </a:r>
          </a:p>
        </p:txBody>
      </p:sp>
      <p:pic>
        <p:nvPicPr>
          <p:cNvPr id="7" name="Bildobjekt 11">
            <a:extLst>
              <a:ext uri="{FF2B5EF4-FFF2-40B4-BE49-F238E27FC236}">
                <a16:creationId xmlns:a16="http://schemas.microsoft.com/office/drawing/2014/main" id="{05A1AA76-D39B-E44C-9AB4-ACD63A44C9C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931741" y="2873693"/>
            <a:ext cx="8323446" cy="3340800"/>
          </a:xfrm>
          <a:prstGeom prst="rect">
            <a:avLst/>
          </a:prstGeom>
        </p:spPr>
      </p:pic>
      <p:sp>
        <p:nvSpPr>
          <p:cNvPr id="9" name="textruta 5">
            <a:extLst>
              <a:ext uri="{FF2B5EF4-FFF2-40B4-BE49-F238E27FC236}">
                <a16:creationId xmlns:a16="http://schemas.microsoft.com/office/drawing/2014/main" id="{C424A878-EF61-94A3-F20A-CEB7BDA2E6C6}"/>
              </a:ext>
            </a:extLst>
          </p:cNvPr>
          <p:cNvSpPr txBox="1"/>
          <p:nvPr/>
        </p:nvSpPr>
        <p:spPr>
          <a:xfrm>
            <a:off x="890595" y="1669780"/>
            <a:ext cx="9483640" cy="2031325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Redox </a:t>
            </a:r>
            <a:r>
              <a:rPr lang="sv-SE" err="1">
                <a:latin typeface="+mn-lt"/>
                <a:ea typeface="ＭＳ Ｐゴシック"/>
                <a:cs typeface="Arial"/>
              </a:rPr>
              <a:t>states</a:t>
            </a:r>
            <a:r>
              <a:rPr lang="sv-SE">
                <a:latin typeface="+mn-lt"/>
                <a:ea typeface="ＭＳ Ｐゴシック"/>
                <a:cs typeface="Arial"/>
              </a:rPr>
              <a:t> </a:t>
            </a:r>
            <a:r>
              <a:rPr lang="sv-SE" err="1">
                <a:latin typeface="+mn-lt"/>
                <a:ea typeface="ＭＳ Ｐゴシック"/>
                <a:cs typeface="Arial"/>
              </a:rPr>
              <a:t>of</a:t>
            </a:r>
            <a:r>
              <a:rPr lang="sv-SE">
                <a:latin typeface="+mn-lt"/>
                <a:ea typeface="ＭＳ Ｐゴシック"/>
                <a:cs typeface="Arial"/>
              </a:rPr>
              <a:t> PANI</a:t>
            </a:r>
            <a:endParaRPr lang="en-US"/>
          </a:p>
          <a:p>
            <a:pPr marL="742950" lvl="1" indent="-285750">
              <a:spcBef>
                <a:spcPts val="432"/>
              </a:spcBef>
              <a:buFont typeface="Arial"/>
              <a:buChar char="•"/>
            </a:pPr>
            <a:r>
              <a:rPr lang="sv-SE" b="1">
                <a:latin typeface="+mn-lt"/>
                <a:ea typeface="ＭＳ Ｐゴシック"/>
                <a:cs typeface="Arial"/>
              </a:rPr>
              <a:t>Leucoemerladine -</a:t>
            </a:r>
            <a:r>
              <a:rPr lang="sv-SE">
                <a:latin typeface="+mn-lt"/>
                <a:ea typeface="ＭＳ Ｐゴシック"/>
                <a:cs typeface="Arial"/>
              </a:rPr>
              <a:t> </a:t>
            </a:r>
            <a:r>
              <a:rPr lang="sv-SE" err="1">
                <a:latin typeface="+mn-lt"/>
                <a:ea typeface="ＭＳ Ｐゴシック"/>
                <a:cs typeface="Arial"/>
              </a:rPr>
              <a:t>poor</a:t>
            </a:r>
            <a:r>
              <a:rPr lang="sv-SE">
                <a:latin typeface="+mn-lt"/>
                <a:ea typeface="ＭＳ Ｐゴシック"/>
                <a:cs typeface="Arial"/>
              </a:rPr>
              <a:t> </a:t>
            </a:r>
            <a:r>
              <a:rPr lang="sv-SE" err="1">
                <a:latin typeface="+mn-lt"/>
                <a:ea typeface="ＭＳ Ｐゴシック"/>
                <a:cs typeface="Arial"/>
              </a:rPr>
              <a:t>conductor</a:t>
            </a:r>
            <a:r>
              <a:rPr lang="sv-SE">
                <a:latin typeface="+mn-lt"/>
                <a:ea typeface="ＭＳ Ｐゴシック"/>
                <a:cs typeface="Arial"/>
              </a:rPr>
              <a:t>, </a:t>
            </a:r>
            <a:r>
              <a:rPr lang="sv-SE" err="1">
                <a:latin typeface="+mn-lt"/>
                <a:ea typeface="ＭＳ Ｐゴシック"/>
                <a:cs typeface="Arial"/>
              </a:rPr>
              <a:t>fully</a:t>
            </a:r>
            <a:r>
              <a:rPr lang="sv-SE">
                <a:latin typeface="+mn-lt"/>
                <a:ea typeface="ＭＳ Ｐゴシック"/>
                <a:cs typeface="Arial"/>
              </a:rPr>
              <a:t> </a:t>
            </a:r>
            <a:r>
              <a:rPr lang="sv-SE" err="1">
                <a:latin typeface="+mn-lt"/>
                <a:ea typeface="ＭＳ Ｐゴシック"/>
                <a:cs typeface="Arial"/>
              </a:rPr>
              <a:t>reduced</a:t>
            </a:r>
            <a:endParaRPr lang="sv-SE">
              <a:latin typeface="+mn-lt"/>
              <a:ea typeface="ＭＳ Ｐゴシック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sv-SE" b="1">
                <a:latin typeface="+mn-lt"/>
                <a:ea typeface="ＭＳ Ｐゴシック"/>
                <a:cs typeface="Arial"/>
              </a:rPr>
              <a:t>Emeraldine -</a:t>
            </a:r>
            <a:r>
              <a:rPr lang="sv-SE">
                <a:latin typeface="+mn-lt"/>
                <a:ea typeface="ＭＳ Ｐゴシック"/>
                <a:cs typeface="Arial"/>
              </a:rPr>
              <a:t> great conductor (</a:t>
            </a:r>
            <a:r>
              <a:rPr lang="sv-SE" i="1">
                <a:latin typeface="+mn-lt"/>
                <a:ea typeface="ＭＳ Ｐゴシック"/>
                <a:cs typeface="Arial"/>
              </a:rPr>
              <a:t>delocalized polaron</a:t>
            </a:r>
            <a:r>
              <a:rPr lang="sv-SE">
                <a:latin typeface="+mn-lt"/>
                <a:ea typeface="ＭＳ Ｐゴシック"/>
                <a:cs typeface="Arial"/>
              </a:rPr>
              <a:t>), intermediate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sv-SE" b="1">
                <a:latin typeface="+mn-lt"/>
                <a:ea typeface="ＭＳ Ｐゴシック"/>
                <a:cs typeface="Arial"/>
              </a:rPr>
              <a:t>Pernigraniline -</a:t>
            </a:r>
            <a:r>
              <a:rPr lang="sv-SE">
                <a:latin typeface="+mn-lt"/>
                <a:ea typeface="ＭＳ Ｐゴシック"/>
                <a:cs typeface="Arial"/>
              </a:rPr>
              <a:t> poor conductor, fully oxidised </a:t>
            </a:r>
            <a:endParaRPr lang="sv-SE">
              <a:latin typeface="+mn-lt"/>
              <a:cs typeface="Arial"/>
            </a:endParaRPr>
          </a:p>
          <a:p>
            <a:pPr lvl="1"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426482415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69F306ED-D4ED-5642-D2FD-6534FCE7FB53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272857631"/>
              </p:ext>
            </p:extLst>
          </p:nvPr>
        </p:nvGraphicFramePr>
        <p:xfrm>
          <a:off x="817086" y="1200888"/>
          <a:ext cx="10556239" cy="506144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4FBB0D-7024-9932-5FC8-5DA099E27E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1D3C1EFD-28E0-B193-F9CD-56BE422C829F}"/>
              </a:ext>
            </a:extLst>
          </p:cNvPr>
          <p:cNvCxnSpPr>
            <a:cxnSpLocks/>
          </p:cNvCxnSpPr>
          <p:nvPr/>
        </p:nvCxnSpPr>
        <p:spPr bwMode="auto">
          <a:xfrm>
            <a:off x="8554758" y="4243822"/>
            <a:ext cx="792442" cy="441353"/>
          </a:xfrm>
          <a:prstGeom prst="line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9" name="Rektangel: rundade hörn 10">
            <a:extLst>
              <a:ext uri="{FF2B5EF4-FFF2-40B4-BE49-F238E27FC236}">
                <a16:creationId xmlns:a16="http://schemas.microsoft.com/office/drawing/2014/main" id="{CFE55555-BC6E-9AAD-391B-DC4CDE8ACC42}"/>
              </a:ext>
            </a:extLst>
          </p:cNvPr>
          <p:cNvSpPr/>
          <p:nvPr/>
        </p:nvSpPr>
        <p:spPr bwMode="auto">
          <a:xfrm>
            <a:off x="1640323" y="606425"/>
            <a:ext cx="307564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262FD493-FD72-99BE-E7ED-62446E9BDA5D}"/>
              </a:ext>
            </a:extLst>
          </p:cNvPr>
          <p:cNvSpPr txBox="1">
            <a:spLocks/>
          </p:cNvSpPr>
          <p:nvPr/>
        </p:nvSpPr>
        <p:spPr bwMode="auto">
          <a:xfrm>
            <a:off x="1954531" y="217419"/>
            <a:ext cx="2988620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it-IT" kern="0" err="1">
                <a:solidFill>
                  <a:schemeClr val="bg1"/>
                </a:solidFill>
              </a:rPr>
              <a:t>Methodology</a:t>
            </a:r>
            <a:endParaRPr lang="en-GB" kern="0">
              <a:solidFill>
                <a:schemeClr val="bg1"/>
              </a:solidFill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06345761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ktangel: rundade hörn 10">
            <a:extLst>
              <a:ext uri="{FF2B5EF4-FFF2-40B4-BE49-F238E27FC236}">
                <a16:creationId xmlns:a16="http://schemas.microsoft.com/office/drawing/2014/main" id="{118B8677-A3E2-401F-4261-EE74FC2D22E9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89E26569-BA16-7E1E-ACF2-21DBA23C371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77978" y="2154022"/>
            <a:ext cx="4750434" cy="3788486"/>
          </a:xfrm>
        </p:spPr>
        <p:txBody>
          <a:bodyPr/>
          <a:lstStyle/>
          <a:p>
            <a:pPr marL="0" indent="0">
              <a:buNone/>
            </a:pPr>
            <a:r>
              <a:rPr lang="sv-SE">
                <a:cs typeface="Arial"/>
              </a:rPr>
              <a:t>Three </a:t>
            </a:r>
            <a:r>
              <a:rPr lang="sv-SE" err="1">
                <a:cs typeface="Arial"/>
              </a:rPr>
              <a:t>electrode</a:t>
            </a:r>
            <a:r>
              <a:rPr lang="sv-SE">
                <a:cs typeface="Arial"/>
              </a:rPr>
              <a:t> setup </a:t>
            </a:r>
            <a:endParaRPr lang="sv-SE">
              <a:solidFill>
                <a:srgbClr val="000000"/>
              </a:solidFill>
              <a:cs typeface="Arial"/>
            </a:endParaRPr>
          </a:p>
          <a:p>
            <a:pPr marL="342900" indent="-342900">
              <a:buFont typeface="+mj-lt"/>
              <a:buAutoNum type="arabicPeriod"/>
            </a:pPr>
            <a:endParaRPr lang="sv-SE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sv-SE" b="1">
              <a:solidFill>
                <a:srgbClr val="990000"/>
              </a:solidFill>
              <a:cs typeface="Arial"/>
            </a:endParaRPr>
          </a:p>
          <a:p>
            <a:pPr marL="615315" lvl="2" indent="-197485">
              <a:buFont typeface="+mj-lt"/>
              <a:buChar char="•"/>
            </a:pPr>
            <a:endParaRPr lang="sv-SE">
              <a:cs typeface="Arial"/>
            </a:endParaRP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622AA495-CAC4-8173-E96C-3014578708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6" name="Rektangel: rundade hörn 8">
            <a:extLst>
              <a:ext uri="{FF2B5EF4-FFF2-40B4-BE49-F238E27FC236}">
                <a16:creationId xmlns:a16="http://schemas.microsoft.com/office/drawing/2014/main" id="{BEBD2B5D-B1B7-8804-2DFF-6FC100134774}"/>
              </a:ext>
            </a:extLst>
          </p:cNvPr>
          <p:cNvSpPr/>
          <p:nvPr/>
        </p:nvSpPr>
        <p:spPr bwMode="auto">
          <a:xfrm>
            <a:off x="1277978" y="593266"/>
            <a:ext cx="3579772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6D7B45B7-3FFF-6874-0FED-88BB7D81D98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21455" y="205260"/>
            <a:ext cx="5045594" cy="972716"/>
          </a:xfrm>
        </p:spPr>
        <p:txBody>
          <a:bodyPr/>
          <a:lstStyle/>
          <a:p>
            <a:r>
              <a:rPr lang="it-IT" err="1">
                <a:solidFill>
                  <a:schemeClr val="bg1"/>
                </a:solidFill>
                <a:cs typeface="Arial"/>
              </a:rPr>
              <a:t>Experimental</a:t>
            </a:r>
            <a:r>
              <a:rPr lang="it-IT">
                <a:solidFill>
                  <a:schemeClr val="bg1"/>
                </a:solidFill>
                <a:cs typeface="Arial"/>
              </a:rPr>
              <a:t> setup </a:t>
            </a:r>
          </a:p>
        </p:txBody>
      </p:sp>
      <p:pic>
        <p:nvPicPr>
          <p:cNvPr id="2" name="Bildobjekt 4">
            <a:extLst>
              <a:ext uri="{FF2B5EF4-FFF2-40B4-BE49-F238E27FC236}">
                <a16:creationId xmlns:a16="http://schemas.microsoft.com/office/drawing/2014/main" id="{A1FBDAE1-64E4-27EA-FCD6-3E1B2B23BE1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79391" y="2495870"/>
            <a:ext cx="5134864" cy="2509785"/>
          </a:xfrm>
          <a:prstGeom prst="rect">
            <a:avLst/>
          </a:prstGeom>
        </p:spPr>
      </p:pic>
      <p:sp>
        <p:nvSpPr>
          <p:cNvPr id="5" name="textruta 4">
            <a:extLst>
              <a:ext uri="{FF2B5EF4-FFF2-40B4-BE49-F238E27FC236}">
                <a16:creationId xmlns:a16="http://schemas.microsoft.com/office/drawing/2014/main" id="{144ED827-ACA1-5E06-7C3D-51B166105391}"/>
              </a:ext>
            </a:extLst>
          </p:cNvPr>
          <p:cNvSpPr txBox="1"/>
          <p:nvPr/>
        </p:nvSpPr>
        <p:spPr>
          <a:xfrm>
            <a:off x="6609194" y="2142373"/>
            <a:ext cx="4195177" cy="3216778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150000"/>
              </a:lnSpc>
              <a:spcBef>
                <a:spcPts val="432"/>
              </a:spcBef>
            </a:pPr>
            <a:r>
              <a:rPr lang="sv-SE" b="1">
                <a:latin typeface="Arial"/>
                <a:ea typeface="ＭＳ Ｐゴシック"/>
                <a:cs typeface="Arial"/>
              </a:rPr>
              <a:t>WE: </a:t>
            </a:r>
            <a:r>
              <a:rPr lang="sv-SE">
                <a:latin typeface="Arial"/>
                <a:ea typeface="ＭＳ Ｐゴシック"/>
                <a:cs typeface="Arial"/>
              </a:rPr>
              <a:t>Transparent conducting flourine doped tin oxide electrode (FTO)</a:t>
            </a:r>
            <a:endParaRPr lang="sv-SE">
              <a:latin typeface="Arial"/>
              <a:cs typeface="Arial"/>
            </a:endParaRPr>
          </a:p>
          <a:p>
            <a:pPr>
              <a:lnSpc>
                <a:spcPct val="150000"/>
              </a:lnSpc>
              <a:spcBef>
                <a:spcPts val="432"/>
              </a:spcBef>
            </a:pPr>
            <a:r>
              <a:rPr lang="sv-SE" b="1">
                <a:latin typeface="Arial"/>
                <a:ea typeface="ＭＳ Ｐゴシック"/>
                <a:cs typeface="Arial"/>
              </a:rPr>
              <a:t>CE: </a:t>
            </a:r>
            <a:r>
              <a:rPr lang="sv-SE">
                <a:latin typeface="Arial"/>
                <a:ea typeface="ＭＳ Ｐゴシック"/>
                <a:cs typeface="Arial"/>
              </a:rPr>
              <a:t>Coiled platinum wire</a:t>
            </a:r>
            <a:endParaRPr lang="sv-SE">
              <a:latin typeface="Arial"/>
              <a:cs typeface="Arial"/>
            </a:endParaRPr>
          </a:p>
          <a:p>
            <a:pPr>
              <a:lnSpc>
                <a:spcPct val="150000"/>
              </a:lnSpc>
              <a:spcBef>
                <a:spcPts val="432"/>
              </a:spcBef>
            </a:pPr>
            <a:r>
              <a:rPr lang="sv-SE" b="1">
                <a:latin typeface="Arial"/>
                <a:ea typeface="ＭＳ Ｐゴシック"/>
                <a:cs typeface="Arial"/>
              </a:rPr>
              <a:t>RE: </a:t>
            </a:r>
            <a:r>
              <a:rPr lang="sv-SE">
                <a:latin typeface="Arial"/>
                <a:ea typeface="ＭＳ Ｐゴシック"/>
                <a:cs typeface="Arial"/>
              </a:rPr>
              <a:t>Ag/AgCl </a:t>
            </a:r>
            <a:r>
              <a:rPr lang="sv-SE">
                <a:latin typeface="Arial"/>
                <a:ea typeface="Verdana"/>
                <a:cs typeface="Arial"/>
              </a:rPr>
              <a:t>with 1M KCl filling solution </a:t>
            </a:r>
            <a:endParaRPr lang="sv-SE">
              <a:latin typeface="Arial"/>
              <a:cs typeface="Arial"/>
            </a:endParaRPr>
          </a:p>
          <a:p>
            <a:pPr marL="742950" lvl="1" indent="-285750">
              <a:lnSpc>
                <a:spcPct val="150000"/>
              </a:lnSpc>
              <a:spcBef>
                <a:spcPts val="432"/>
              </a:spcBef>
              <a:buFont typeface="Arial"/>
              <a:buChar char="•"/>
            </a:pPr>
            <a:endParaRPr lang="sv-SE">
              <a:latin typeface="Arial"/>
              <a:cs typeface="Arial"/>
            </a:endParaRPr>
          </a:p>
          <a:p>
            <a:pPr>
              <a:lnSpc>
                <a:spcPct val="150000"/>
              </a:lnSpc>
              <a:spcBef>
                <a:spcPts val="432"/>
              </a:spcBef>
            </a:pPr>
            <a:r>
              <a:rPr lang="sv-SE" b="1">
                <a:latin typeface="Arial"/>
                <a:ea typeface="ＭＳ Ｐゴシック"/>
                <a:cs typeface="Arial"/>
              </a:rPr>
              <a:t>Electrolytes</a:t>
            </a:r>
          </a:p>
          <a:p>
            <a:pPr marL="742950" lvl="1" indent="-285750">
              <a:lnSpc>
                <a:spcPct val="150000"/>
              </a:lnSpc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Arial"/>
                <a:ea typeface="ＭＳ Ｐゴシック"/>
                <a:cs typeface="Arial"/>
              </a:rPr>
              <a:t>Electrodepositon: H</a:t>
            </a:r>
            <a:r>
              <a:rPr lang="sv-SE" baseline="-25000">
                <a:latin typeface="Arial"/>
                <a:ea typeface="ＭＳ Ｐゴシック"/>
                <a:cs typeface="Arial"/>
              </a:rPr>
              <a:t>2</a:t>
            </a:r>
            <a:r>
              <a:rPr lang="sv-SE">
                <a:latin typeface="Arial"/>
                <a:ea typeface="ＭＳ Ｐゴシック"/>
                <a:cs typeface="Arial"/>
              </a:rPr>
              <a:t>SO</a:t>
            </a:r>
            <a:r>
              <a:rPr lang="sv-SE" baseline="-25000">
                <a:latin typeface="Arial"/>
                <a:ea typeface="ＭＳ Ｐゴシック"/>
                <a:cs typeface="Arial"/>
              </a:rPr>
              <a:t>4</a:t>
            </a:r>
            <a:r>
              <a:rPr lang="sv-SE">
                <a:latin typeface="Arial"/>
                <a:ea typeface="ＭＳ Ｐゴシック"/>
                <a:cs typeface="Arial"/>
              </a:rPr>
              <a:t> + aniline </a:t>
            </a:r>
          </a:p>
          <a:p>
            <a:pPr marL="742950" lvl="1" indent="-285750">
              <a:lnSpc>
                <a:spcPct val="150000"/>
              </a:lnSpc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Arial"/>
                <a:ea typeface="ＭＳ Ｐゴシック"/>
                <a:cs typeface="Arial"/>
              </a:rPr>
              <a:t>Characterization:  H</a:t>
            </a:r>
            <a:r>
              <a:rPr lang="sv-SE" baseline="-25000">
                <a:latin typeface="Arial"/>
                <a:ea typeface="ＭＳ Ｐゴシック"/>
                <a:cs typeface="Arial"/>
              </a:rPr>
              <a:t>2</a:t>
            </a:r>
            <a:r>
              <a:rPr lang="sv-SE">
                <a:latin typeface="Arial"/>
                <a:ea typeface="ＭＳ Ｐゴシック"/>
                <a:cs typeface="Arial"/>
              </a:rPr>
              <a:t>SO</a:t>
            </a:r>
            <a:r>
              <a:rPr lang="sv-SE" baseline="-25000">
                <a:latin typeface="Arial"/>
                <a:ea typeface="ＭＳ Ｐゴシック"/>
                <a:cs typeface="Arial"/>
              </a:rPr>
              <a:t>4 </a:t>
            </a:r>
            <a:endParaRPr lang="sv-SE" baseline="-25000"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21321144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ktangel: rundade hörn 10">
            <a:extLst>
              <a:ext uri="{FF2B5EF4-FFF2-40B4-BE49-F238E27FC236}">
                <a16:creationId xmlns:a16="http://schemas.microsoft.com/office/drawing/2014/main" id="{118B8677-A3E2-401F-4261-EE74FC2D22E9}"/>
              </a:ext>
            </a:extLst>
          </p:cNvPr>
          <p:cNvSpPr/>
          <p:nvPr/>
        </p:nvSpPr>
        <p:spPr bwMode="auto">
          <a:xfrm>
            <a:off x="1000243" y="466852"/>
            <a:ext cx="7472548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622AA495-CAC4-8173-E96C-3014578708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dirty="0" smtClean="0"/>
              <a:pPr/>
              <a:t>5</a:t>
            </a:fld>
            <a:endParaRPr lang="en-GB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6D7B45B7-3FFF-6874-0FED-88BB7D81D98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43720" y="78846"/>
            <a:ext cx="6925895" cy="972716"/>
          </a:xfrm>
        </p:spPr>
        <p:txBody>
          <a:bodyPr/>
          <a:lstStyle/>
          <a:p>
            <a:r>
              <a:rPr lang="it-IT">
                <a:solidFill>
                  <a:schemeClr val="bg1"/>
                </a:solidFill>
                <a:ea typeface="+mj-lt"/>
                <a:cs typeface="+mj-lt"/>
              </a:rPr>
              <a:t>Synthesize of</a:t>
            </a:r>
            <a:r>
              <a:rPr lang="it-IT">
                <a:solidFill>
                  <a:schemeClr val="bg1"/>
                </a:solidFill>
                <a:cs typeface="Arial"/>
              </a:rPr>
              <a:t> polyaniline </a:t>
            </a:r>
            <a:endParaRPr lang="it-IT" b="0">
              <a:solidFill>
                <a:schemeClr val="bg1"/>
              </a:solidFill>
              <a:cs typeface="Arial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4CE3D8B2-FF60-BBA5-51CE-681BD5BB17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73238" y="2830862"/>
            <a:ext cx="5480542" cy="1229862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2F216128-3307-50B1-1D75-193E9EA2C83D}"/>
              </a:ext>
            </a:extLst>
          </p:cNvPr>
          <p:cNvSpPr/>
          <p:nvPr/>
        </p:nvSpPr>
        <p:spPr bwMode="auto">
          <a:xfrm>
            <a:off x="6074708" y="2794201"/>
            <a:ext cx="5479071" cy="1211897"/>
          </a:xfrm>
          <a:prstGeom prst="rect">
            <a:avLst/>
          </a:prstGeom>
          <a:solidFill>
            <a:schemeClr val="accent1">
              <a:alpha val="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B674439-4383-F9C8-62D5-B424E72F0921}"/>
              </a:ext>
            </a:extLst>
          </p:cNvPr>
          <p:cNvSpPr txBox="1"/>
          <p:nvPr/>
        </p:nvSpPr>
        <p:spPr>
          <a:xfrm>
            <a:off x="809625" y="1964531"/>
            <a:ext cx="6227603" cy="264226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+mn-lt"/>
                <a:ea typeface="ＭＳ Ｐゴシック"/>
                <a:cs typeface="Arial"/>
              </a:rPr>
              <a:t>Anodic oxidation of Aniline in aqueous sulfuric acid solution</a:t>
            </a:r>
            <a:endParaRPr lang="en-GB" err="1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en-GB">
              <a:latin typeface="+mn-lt"/>
              <a:ea typeface="ＭＳ Ｐゴシック"/>
              <a:cs typeface="Arial"/>
            </a:endParaRPr>
          </a:p>
          <a:p>
            <a:pPr marL="285750" indent="-285750">
              <a:lnSpc>
                <a:spcPct val="200000"/>
              </a:lnSpc>
              <a:spcBef>
                <a:spcPts val="432"/>
              </a:spcBef>
              <a:buFont typeface="Arial"/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Aniline oxidizes at the negatively charge anode</a:t>
            </a:r>
          </a:p>
          <a:p>
            <a:pPr marL="285750" indent="-285750">
              <a:lnSpc>
                <a:spcPct val="200000"/>
              </a:lnSpc>
              <a:spcBef>
                <a:spcPts val="432"/>
              </a:spcBef>
              <a:buFont typeface="Arial"/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Radical formation after oxidation</a:t>
            </a:r>
            <a:endParaRPr lang="en-GB">
              <a:latin typeface="+mn-lt"/>
              <a:cs typeface="Arial"/>
            </a:endParaRPr>
          </a:p>
          <a:p>
            <a:pPr marL="285750" indent="-285750">
              <a:lnSpc>
                <a:spcPct val="200000"/>
              </a:lnSpc>
              <a:spcBef>
                <a:spcPts val="432"/>
              </a:spcBef>
              <a:buFont typeface="Arial"/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Polymer forms at the WE </a:t>
            </a:r>
          </a:p>
          <a:p>
            <a:pPr marL="285750" indent="-285750">
              <a:lnSpc>
                <a:spcPct val="200000"/>
              </a:lnSpc>
              <a:spcBef>
                <a:spcPts val="432"/>
              </a:spcBef>
              <a:buFont typeface="Arial"/>
              <a:buChar char="•"/>
            </a:pPr>
            <a:endParaRPr lang="en-GB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464780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012F9B2-383A-4870-9BBA-B3EE6917A04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7" name="Rektangel: rundade hörn 10">
            <a:extLst>
              <a:ext uri="{FF2B5EF4-FFF2-40B4-BE49-F238E27FC236}">
                <a16:creationId xmlns:a16="http://schemas.microsoft.com/office/drawing/2014/main" id="{06C9DEA0-44C8-9002-504C-1D1AFDBF1525}"/>
              </a:ext>
            </a:extLst>
          </p:cNvPr>
          <p:cNvSpPr/>
          <p:nvPr/>
        </p:nvSpPr>
        <p:spPr bwMode="auto">
          <a:xfrm>
            <a:off x="1204523" y="554401"/>
            <a:ext cx="7472548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736F43B4-D676-DBD0-31B6-822180B53A59}"/>
              </a:ext>
            </a:extLst>
          </p:cNvPr>
          <p:cNvSpPr txBox="1">
            <a:spLocks/>
          </p:cNvSpPr>
          <p:nvPr/>
        </p:nvSpPr>
        <p:spPr bwMode="auto">
          <a:xfrm>
            <a:off x="1348000" y="166395"/>
            <a:ext cx="5424178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it-IT" kern="0" err="1">
                <a:solidFill>
                  <a:schemeClr val="bg1"/>
                </a:solidFill>
              </a:rPr>
              <a:t>Electrodeposition</a:t>
            </a:r>
            <a:r>
              <a:rPr lang="it-IT" kern="0">
                <a:solidFill>
                  <a:schemeClr val="bg1"/>
                </a:solidFill>
              </a:rPr>
              <a:t> of aniline</a:t>
            </a:r>
            <a:endParaRPr lang="en-GB" kern="0">
              <a:solidFill>
                <a:schemeClr val="bg1"/>
              </a:solidFill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D7A3B12-8840-0549-9986-3038107BDF75}"/>
              </a:ext>
            </a:extLst>
          </p:cNvPr>
          <p:cNvSpPr txBox="1"/>
          <p:nvPr/>
        </p:nvSpPr>
        <p:spPr>
          <a:xfrm>
            <a:off x="1204523" y="1777549"/>
            <a:ext cx="9601200" cy="841256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432"/>
              </a:spcBef>
            </a:pPr>
            <a:r>
              <a:rPr lang="it-IT" b="1">
                <a:latin typeface="+mn-lt"/>
                <a:ea typeface="ＭＳ Ｐゴシック"/>
                <a:cs typeface="Arial"/>
              </a:rPr>
              <a:t>Film 1 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  <a:ea typeface="ＭＳ Ｐゴシック"/>
              </a:rPr>
              <a:t>Electrodynamically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deposited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through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b="1">
                <a:latin typeface="+mn-lt"/>
                <a:ea typeface="ＭＳ Ｐゴシック"/>
              </a:rPr>
              <a:t>CV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at</a:t>
            </a:r>
            <a:r>
              <a:rPr lang="it-IT">
                <a:latin typeface="+mn-lt"/>
                <a:ea typeface="ＭＳ Ｐゴシック"/>
              </a:rPr>
              <a:t> 50 </a:t>
            </a:r>
            <a:r>
              <a:rPr lang="it-IT" err="1">
                <a:latin typeface="+mn-lt"/>
                <a:ea typeface="ＭＳ Ｐゴシック"/>
              </a:rPr>
              <a:t>mV</a:t>
            </a:r>
            <a:r>
              <a:rPr lang="it-IT">
                <a:latin typeface="+mn-lt"/>
                <a:ea typeface="ＭＳ Ｐゴシック"/>
              </a:rPr>
              <a:t>/s</a:t>
            </a:r>
            <a:endParaRPr lang="it-IT">
              <a:ea typeface="ＭＳ Ｐゴシック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b="1">
                <a:latin typeface="+mn-lt"/>
                <a:ea typeface="ＭＳ Ｐゴシック"/>
              </a:rPr>
              <a:t>Peak </a:t>
            </a:r>
            <a:r>
              <a:rPr lang="it-IT" b="1" err="1">
                <a:latin typeface="+mn-lt"/>
                <a:ea typeface="ＭＳ Ｐゴシック"/>
              </a:rPr>
              <a:t>current</a:t>
            </a:r>
            <a:r>
              <a:rPr lang="it-IT" b="1">
                <a:latin typeface="+mn-lt"/>
                <a:ea typeface="ＭＳ Ｐゴシック"/>
              </a:rPr>
              <a:t> </a:t>
            </a:r>
            <a:r>
              <a:rPr lang="it-IT" b="1" err="1">
                <a:latin typeface="+mn-lt"/>
                <a:ea typeface="ＭＳ Ｐゴシック"/>
              </a:rPr>
              <a:t>increases</a:t>
            </a:r>
            <a:r>
              <a:rPr lang="it-IT" b="1">
                <a:latin typeface="+mn-lt"/>
                <a:ea typeface="ＭＳ Ｐゴシック"/>
              </a:rPr>
              <a:t> </a:t>
            </a:r>
            <a:r>
              <a:rPr lang="it-IT">
                <a:latin typeface="+mn-lt"/>
                <a:ea typeface="ＭＳ Ｐゴシック"/>
              </a:rPr>
              <a:t>with the </a:t>
            </a:r>
            <a:r>
              <a:rPr lang="it-IT" err="1">
                <a:latin typeface="+mn-lt"/>
                <a:ea typeface="ＭＳ Ｐゴシック"/>
              </a:rPr>
              <a:t>number</a:t>
            </a:r>
            <a:r>
              <a:rPr lang="it-IT">
                <a:latin typeface="+mn-lt"/>
                <a:ea typeface="ＭＳ Ｐゴシック"/>
              </a:rPr>
              <a:t> of </a:t>
            </a:r>
            <a:r>
              <a:rPr lang="it-IT" err="1">
                <a:latin typeface="+mn-lt"/>
                <a:ea typeface="ＭＳ Ｐゴシック"/>
              </a:rPr>
              <a:t>cycles</a:t>
            </a:r>
            <a:endParaRPr lang="it-IT">
              <a:latin typeface="+mn-lt"/>
              <a:ea typeface="ＭＳ Ｐゴシック"/>
              <a:cs typeface="Arial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5296D5A9-0A6D-6CFE-39BE-CC704982731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48000" y="2762591"/>
            <a:ext cx="5377592" cy="3541008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9FD81746-0B0A-D0F2-47E1-54663AFAE383}"/>
              </a:ext>
            </a:extLst>
          </p:cNvPr>
          <p:cNvSpPr txBox="1"/>
          <p:nvPr/>
        </p:nvSpPr>
        <p:spPr>
          <a:xfrm>
            <a:off x="7423709" y="3173748"/>
            <a:ext cx="3798951" cy="234936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ct val="150000"/>
              </a:lnSpc>
              <a:spcBef>
                <a:spcPts val="432"/>
              </a:spcBef>
            </a:pPr>
            <a:r>
              <a:rPr lang="it-IT" b="1">
                <a:latin typeface="+mn-lt"/>
                <a:ea typeface="ＭＳ Ｐゴシック"/>
                <a:cs typeface="Arial"/>
              </a:rPr>
              <a:t>Film 2 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  <a:ea typeface="ＭＳ Ｐゴシック"/>
              </a:rPr>
              <a:t>Electrostatically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deposited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through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b="1">
                <a:latin typeface="+mn-lt"/>
                <a:ea typeface="ＭＳ Ｐゴシック"/>
              </a:rPr>
              <a:t>CA</a:t>
            </a:r>
            <a:endParaRPr lang="it-IT"/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</a:rPr>
              <a:t>Voltage </a:t>
            </a:r>
            <a:r>
              <a:rPr lang="it-IT" err="1">
                <a:latin typeface="+mn-lt"/>
                <a:ea typeface="ＭＳ Ｐゴシック"/>
              </a:rPr>
              <a:t>fixed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at</a:t>
            </a:r>
            <a:r>
              <a:rPr lang="it-IT">
                <a:latin typeface="+mn-lt"/>
                <a:ea typeface="ＭＳ Ｐゴシック"/>
              </a:rPr>
              <a:t>: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marL="742950" lvl="1" indent="-285750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  <a:cs typeface="Arial"/>
              </a:rPr>
              <a:t> 0.75V for </a:t>
            </a:r>
            <a:r>
              <a:rPr lang="it-IT" err="1">
                <a:latin typeface="+mn-lt"/>
                <a:ea typeface="ＭＳ Ｐゴシック"/>
                <a:cs typeface="Arial"/>
              </a:rPr>
              <a:t>oxidation</a:t>
            </a:r>
            <a:r>
              <a:rPr lang="it-IT">
                <a:latin typeface="+mn-lt"/>
                <a:ea typeface="ＭＳ Ｐゴシック"/>
                <a:cs typeface="Arial"/>
              </a:rPr>
              <a:t> (300 s) </a:t>
            </a:r>
          </a:p>
          <a:p>
            <a:pPr marL="742950" lvl="1" indent="-285750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</a:rPr>
              <a:t>-0.3V for </a:t>
            </a:r>
            <a:r>
              <a:rPr lang="it-IT" err="1">
                <a:latin typeface="+mn-lt"/>
                <a:ea typeface="ＭＳ Ｐゴシック"/>
              </a:rPr>
              <a:t>reduction</a:t>
            </a:r>
            <a:r>
              <a:rPr lang="it-IT">
                <a:latin typeface="+mn-lt"/>
                <a:ea typeface="ＭＳ Ｐゴシック"/>
              </a:rPr>
              <a:t> (30 s)</a:t>
            </a:r>
            <a:endParaRPr lang="it-IT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solidFill>
                <a:schemeClr val="accent2"/>
              </a:solidFill>
              <a:latin typeface="+mn-lt"/>
              <a:ea typeface="ＭＳ Ｐゴシック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416255361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5" descr="Chart&#10;&#10;Description automatically generated">
            <a:extLst>
              <a:ext uri="{FF2B5EF4-FFF2-40B4-BE49-F238E27FC236}">
                <a16:creationId xmlns:a16="http://schemas.microsoft.com/office/drawing/2014/main" id="{7DDEFCA3-DCB2-7506-BEA6-41E16A3111A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50947" r="2819" b="10375"/>
          <a:stretch/>
        </p:blipFill>
        <p:spPr>
          <a:xfrm>
            <a:off x="1467561" y="1530004"/>
            <a:ext cx="4028623" cy="273425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E02BF-920D-F785-1990-28A9F9555A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D600F5E-D77C-FE72-AA2D-7B319DB970E2}"/>
              </a:ext>
            </a:extLst>
          </p:cNvPr>
          <p:cNvSpPr txBox="1"/>
          <p:nvPr/>
        </p:nvSpPr>
        <p:spPr>
          <a:xfrm>
            <a:off x="6595037" y="1274667"/>
            <a:ext cx="2222576" cy="21544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it-IT" sz="1400" i="1">
                <a:latin typeface="+mn-lt"/>
                <a:cs typeface="Arial"/>
              </a:rPr>
              <a:t>Film 2: </a:t>
            </a:r>
            <a:r>
              <a:rPr lang="it-IT" sz="1400" b="1" i="1" err="1">
                <a:latin typeface="+mn-lt"/>
                <a:cs typeface="Arial"/>
              </a:rPr>
              <a:t>potentiostatic</a:t>
            </a:r>
            <a:r>
              <a:rPr lang="it-IT" sz="1400" i="1">
                <a:latin typeface="+mn-lt"/>
                <a:cs typeface="Arial"/>
              </a:rPr>
              <a:t> </a:t>
            </a:r>
            <a:endParaRPr lang="en-GB" sz="1400" i="1">
              <a:latin typeface="+mn-lt"/>
              <a:cs typeface="Arial"/>
            </a:endParaRPr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D046D3B9-1925-626A-4775-A635D63437F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43842771"/>
              </p:ext>
            </p:extLst>
          </p:nvPr>
        </p:nvGraphicFramePr>
        <p:xfrm>
          <a:off x="571579" y="4965781"/>
          <a:ext cx="4645727" cy="1155919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42161">
                  <a:extLst>
                    <a:ext uri="{9D8B030D-6E8A-4147-A177-3AD203B41FA5}">
                      <a16:colId xmlns:a16="http://schemas.microsoft.com/office/drawing/2014/main" val="1194451410"/>
                    </a:ext>
                  </a:extLst>
                </a:gridCol>
                <a:gridCol w="2001783">
                  <a:extLst>
                    <a:ext uri="{9D8B030D-6E8A-4147-A177-3AD203B41FA5}">
                      <a16:colId xmlns:a16="http://schemas.microsoft.com/office/drawing/2014/main" val="2134468504"/>
                    </a:ext>
                  </a:extLst>
                </a:gridCol>
                <a:gridCol w="2001783">
                  <a:extLst>
                    <a:ext uri="{9D8B030D-6E8A-4147-A177-3AD203B41FA5}">
                      <a16:colId xmlns:a16="http://schemas.microsoft.com/office/drawing/2014/main" val="1704688868"/>
                    </a:ext>
                  </a:extLst>
                </a:gridCol>
              </a:tblGrid>
              <a:tr h="453117">
                <a:tc>
                  <a:txBody>
                    <a:bodyPr/>
                    <a:lstStyle/>
                    <a:p>
                      <a:r>
                        <a:rPr lang="en-GB" sz="1200" b="1">
                          <a:solidFill>
                            <a:schemeClr val="tx1"/>
                          </a:solidFill>
                        </a:rPr>
                        <a:t>Film</a:t>
                      </a:r>
                    </a:p>
                  </a:txBody>
                  <a:tcPr>
                    <a:lnL w="12700">
                      <a:solidFill>
                        <a:schemeClr val="tx1"/>
                      </a:solidFill>
                    </a:lnL>
                    <a:lnT w="12700">
                      <a:solidFill>
                        <a:schemeClr val="tx1"/>
                      </a:solidFill>
                    </a:lnT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1">
                          <a:solidFill>
                            <a:schemeClr val="tx1"/>
                          </a:solidFill>
                        </a:rPr>
                        <a:t>Oxidation charge [C]</a:t>
                      </a:r>
                    </a:p>
                  </a:txBody>
                  <a:tcPr>
                    <a:lnT w="12700">
                      <a:solidFill>
                        <a:schemeClr val="tx1"/>
                      </a:solidFill>
                    </a:lnT>
                    <a:solidFill>
                      <a:srgbClr val="0A7BC2">
                        <a:alpha val="49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1">
                          <a:solidFill>
                            <a:schemeClr val="tx1"/>
                          </a:solidFill>
                        </a:rPr>
                        <a:t>Reduction charge </a:t>
                      </a:r>
                      <a:r>
                        <a:rPr lang="en-GB" sz="1200" b="1" i="0" u="none" strike="noStrike" noProof="0">
                          <a:solidFill>
                            <a:schemeClr val="tx1"/>
                          </a:solidFill>
                          <a:latin typeface="Arial"/>
                        </a:rPr>
                        <a:t>[C]</a:t>
                      </a:r>
                      <a:endParaRPr lang="en-GB" sz="1200" b="1" i="0" u="none" strike="noStrike" noProof="0">
                        <a:latin typeface="Arial"/>
                      </a:endParaRPr>
                    </a:p>
                    <a:p>
                      <a:pPr lvl="0">
                        <a:buNone/>
                      </a:pPr>
                      <a:endParaRPr lang="en-GB" sz="1200" b="1">
                        <a:solidFill>
                          <a:schemeClr val="tx1"/>
                        </a:solidFill>
                      </a:endParaRPr>
                    </a:p>
                  </a:txBody>
                  <a:tcPr>
                    <a:lnR w="12700">
                      <a:solidFill>
                        <a:schemeClr val="tx1"/>
                      </a:solidFill>
                    </a:lnR>
                    <a:lnT w="12700">
                      <a:solidFill>
                        <a:schemeClr val="tx1"/>
                      </a:solidFill>
                    </a:lnT>
                    <a:solidFill>
                      <a:schemeClr val="tx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28264076"/>
                  </a:ext>
                </a:extLst>
              </a:tr>
              <a:tr h="355148">
                <a:tc>
                  <a:txBody>
                    <a:bodyPr/>
                    <a:lstStyle/>
                    <a:p>
                      <a:r>
                        <a:rPr lang="en-GB" sz="1200"/>
                        <a:t>1 </a:t>
                      </a:r>
                    </a:p>
                  </a:txBody>
                  <a:tcPr>
                    <a:lnL w="12700">
                      <a:solidFill>
                        <a:schemeClr val="tx1"/>
                      </a:solidFill>
                    </a:lnL>
                  </a:tcPr>
                </a:tc>
                <a:tc>
                  <a:txBody>
                    <a:bodyPr/>
                    <a:lstStyle/>
                    <a:p>
                      <a:pPr lvl="0" algn="ctr">
                        <a:buNone/>
                      </a:pPr>
                      <a:r>
                        <a:rPr lang="en-GB" sz="1200"/>
                        <a:t>0.014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ctr">
                        <a:buNone/>
                      </a:pPr>
                      <a:r>
                        <a:rPr lang="en-GB" sz="1200"/>
                        <a:t>0.0111</a:t>
                      </a:r>
                    </a:p>
                  </a:txBody>
                  <a:tcPr>
                    <a:lnR w="12700">
                      <a:solidFill>
                        <a:schemeClr val="tx1"/>
                      </a:solidFill>
                    </a:lnR>
                  </a:tcPr>
                </a:tc>
                <a:extLst>
                  <a:ext uri="{0D108BD9-81ED-4DB2-BD59-A6C34878D82A}">
                    <a16:rowId xmlns:a16="http://schemas.microsoft.com/office/drawing/2014/main" val="2856316454"/>
                  </a:ext>
                </a:extLst>
              </a:tr>
              <a:tr h="343571"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2 </a:t>
                      </a:r>
                    </a:p>
                  </a:txBody>
                  <a:tcPr>
                    <a:lnL w="12700">
                      <a:solidFill>
                        <a:schemeClr val="tx1"/>
                      </a:solidFill>
                    </a:lnL>
                    <a:lnB w="12700">
                      <a:solidFill>
                        <a:schemeClr val="tx1"/>
                      </a:solidFill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/>
                        <a:t>0.0411</a:t>
                      </a:r>
                    </a:p>
                  </a:txBody>
                  <a:tcPr>
                    <a:lnB w="12700">
                      <a:solidFill>
                        <a:schemeClr val="tx1"/>
                      </a:solidFill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/>
                        <a:t>0.0382</a:t>
                      </a:r>
                    </a:p>
                  </a:txBody>
                  <a:tcPr>
                    <a:lnR w="12700">
                      <a:solidFill>
                        <a:schemeClr val="tx1"/>
                      </a:solidFill>
                    </a:lnR>
                    <a:lnB w="12700">
                      <a:solidFill>
                        <a:schemeClr val="tx1"/>
                      </a:solidFill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68786564"/>
                  </a:ext>
                </a:extLst>
              </a:tr>
            </a:tbl>
          </a:graphicData>
        </a:graphic>
      </p:graphicFrame>
      <p:pic>
        <p:nvPicPr>
          <p:cNvPr id="15" name="Picture 14">
            <a:extLst>
              <a:ext uri="{FF2B5EF4-FFF2-40B4-BE49-F238E27FC236}">
                <a16:creationId xmlns:a16="http://schemas.microsoft.com/office/drawing/2014/main" id="{75121C11-E7C1-25A3-B82F-58FED9258AA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97144" y="1634755"/>
            <a:ext cx="4132874" cy="2633351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C5445925-16A7-C3FD-722E-104399178D00}"/>
              </a:ext>
            </a:extLst>
          </p:cNvPr>
          <p:cNvSpPr txBox="1"/>
          <p:nvPr/>
        </p:nvSpPr>
        <p:spPr>
          <a:xfrm>
            <a:off x="2255627" y="1264848"/>
            <a:ext cx="3139602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it-IT" sz="1400" i="1">
                <a:latin typeface="+mn-lt"/>
                <a:cs typeface="Arial"/>
              </a:rPr>
              <a:t>Film 1: </a:t>
            </a:r>
            <a:r>
              <a:rPr lang="it-IT" sz="1400" b="1" i="1" err="1">
                <a:latin typeface="+mn-lt"/>
                <a:cs typeface="Arial"/>
              </a:rPr>
              <a:t>potentiodynamic</a:t>
            </a:r>
            <a:endParaRPr lang="en-GB" sz="1400" i="1">
              <a:latin typeface="+mn-lt"/>
              <a:cs typeface="Arial"/>
            </a:endParaRPr>
          </a:p>
        </p:txBody>
      </p:sp>
      <p:sp>
        <p:nvSpPr>
          <p:cNvPr id="22" name="Arrow: Right 21">
            <a:extLst>
              <a:ext uri="{FF2B5EF4-FFF2-40B4-BE49-F238E27FC236}">
                <a16:creationId xmlns:a16="http://schemas.microsoft.com/office/drawing/2014/main" id="{C854065A-6160-D470-9921-41EB89E9377D}"/>
              </a:ext>
            </a:extLst>
          </p:cNvPr>
          <p:cNvSpPr/>
          <p:nvPr/>
        </p:nvSpPr>
        <p:spPr bwMode="auto">
          <a:xfrm>
            <a:off x="5460044" y="5284737"/>
            <a:ext cx="512027" cy="462869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ktangel: rundade hörn 10">
            <a:extLst>
              <a:ext uri="{FF2B5EF4-FFF2-40B4-BE49-F238E27FC236}">
                <a16:creationId xmlns:a16="http://schemas.microsoft.com/office/drawing/2014/main" id="{89E3770D-0EB5-363E-EB4E-2522F90F5BC0}"/>
              </a:ext>
            </a:extLst>
          </p:cNvPr>
          <p:cNvSpPr/>
          <p:nvPr/>
        </p:nvSpPr>
        <p:spPr bwMode="auto">
          <a:xfrm>
            <a:off x="867845" y="214720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F62453B3-4622-F4C6-E44B-AEADADB1C2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35531" y="-78602"/>
            <a:ext cx="9312374" cy="972716"/>
          </a:xfrm>
        </p:spPr>
        <p:txBody>
          <a:bodyPr/>
          <a:lstStyle/>
          <a:p>
            <a:r>
              <a:rPr lang="en-GB">
                <a:solidFill>
                  <a:srgbClr val="FFFFFF"/>
                </a:solidFill>
                <a:cs typeface="Arial"/>
              </a:rPr>
              <a:t>Film comparison </a:t>
            </a:r>
            <a:endParaRPr lang="sv-SE"/>
          </a:p>
        </p:txBody>
      </p:sp>
      <p:graphicFrame>
        <p:nvGraphicFramePr>
          <p:cNvPr id="18" name="Table 7">
            <a:extLst>
              <a:ext uri="{FF2B5EF4-FFF2-40B4-BE49-F238E27FC236}">
                <a16:creationId xmlns:a16="http://schemas.microsoft.com/office/drawing/2014/main" id="{4C9739BE-1CCA-B98E-6428-6585DBA402D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12949581"/>
              </p:ext>
            </p:extLst>
          </p:nvPr>
        </p:nvGraphicFramePr>
        <p:xfrm>
          <a:off x="6227710" y="4555175"/>
          <a:ext cx="5468638" cy="155448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542084">
                  <a:extLst>
                    <a:ext uri="{9D8B030D-6E8A-4147-A177-3AD203B41FA5}">
                      <a16:colId xmlns:a16="http://schemas.microsoft.com/office/drawing/2014/main" val="1194451410"/>
                    </a:ext>
                  </a:extLst>
                </a:gridCol>
                <a:gridCol w="867857">
                  <a:extLst>
                    <a:ext uri="{9D8B030D-6E8A-4147-A177-3AD203B41FA5}">
                      <a16:colId xmlns:a16="http://schemas.microsoft.com/office/drawing/2014/main" val="2549085983"/>
                    </a:ext>
                  </a:extLst>
                </a:gridCol>
                <a:gridCol w="1352899">
                  <a:extLst>
                    <a:ext uri="{9D8B030D-6E8A-4147-A177-3AD203B41FA5}">
                      <a16:colId xmlns:a16="http://schemas.microsoft.com/office/drawing/2014/main" val="2134468504"/>
                    </a:ext>
                  </a:extLst>
                </a:gridCol>
                <a:gridCol w="1352899">
                  <a:extLst>
                    <a:ext uri="{9D8B030D-6E8A-4147-A177-3AD203B41FA5}">
                      <a16:colId xmlns:a16="http://schemas.microsoft.com/office/drawing/2014/main" val="1704688868"/>
                    </a:ext>
                  </a:extLst>
                </a:gridCol>
                <a:gridCol w="1352899">
                  <a:extLst>
                    <a:ext uri="{9D8B030D-6E8A-4147-A177-3AD203B41FA5}">
                      <a16:colId xmlns:a16="http://schemas.microsoft.com/office/drawing/2014/main" val="2416830329"/>
                    </a:ext>
                  </a:extLst>
                </a:gridCol>
              </a:tblGrid>
              <a:tr h="370384">
                <a:tc>
                  <a:txBody>
                    <a:bodyPr/>
                    <a:lstStyle/>
                    <a:p>
                      <a:r>
                        <a:rPr lang="en-GB" sz="1200" b="1">
                          <a:solidFill>
                            <a:schemeClr val="tx1"/>
                          </a:solidFill>
                        </a:rPr>
                        <a:t>Film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12700">
                      <a:solidFill>
                        <a:schemeClr val="tx1"/>
                      </a:solidFill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 b="1">
                          <a:solidFill>
                            <a:schemeClr val="tx1"/>
                          </a:solidFill>
                        </a:rPr>
                        <a:t>State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12700">
                      <a:solidFill>
                        <a:schemeClr val="tx1"/>
                      </a:solidFill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1">
                          <a:solidFill>
                            <a:schemeClr val="tx1"/>
                          </a:solidFill>
                        </a:rPr>
                        <a:t>Mass [µg]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12700">
                      <a:solidFill>
                        <a:schemeClr val="tx1"/>
                      </a:solidFill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1">
                          <a:solidFill>
                            <a:schemeClr val="tx1"/>
                          </a:solidFill>
                        </a:rPr>
                        <a:t>Thickness </a:t>
                      </a:r>
                      <a:r>
                        <a:rPr lang="en-GB" sz="1200" b="1" i="0" u="none" strike="noStrike" noProof="0">
                          <a:solidFill>
                            <a:schemeClr val="tx1"/>
                          </a:solidFill>
                          <a:latin typeface="Arial"/>
                        </a:rPr>
                        <a:t>[nm]</a:t>
                      </a:r>
                      <a:endParaRPr lang="en-GB" sz="1200" b="1" i="0" u="none" strike="noStrike" noProof="0">
                        <a:latin typeface="Arial"/>
                      </a:endParaRPr>
                    </a:p>
                    <a:p>
                      <a:pPr lvl="0">
                        <a:buNone/>
                      </a:pPr>
                      <a:endParaRPr lang="en-GB" sz="1200" b="1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12700">
                      <a:solidFill>
                        <a:schemeClr val="tx1"/>
                      </a:solidFill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 b="1" i="0" u="none" strike="noStrike" noProof="0">
                          <a:solidFill>
                            <a:schemeClr val="tx1"/>
                          </a:solidFill>
                          <a:latin typeface="Arial"/>
                        </a:rPr>
                        <a:t>Γ [10</a:t>
                      </a:r>
                      <a:r>
                        <a:rPr lang="en-GB" sz="1200" b="1" i="0" u="none" strike="noStrike" baseline="30000" noProof="0">
                          <a:solidFill>
                            <a:schemeClr val="tx1"/>
                          </a:solidFill>
                          <a:latin typeface="Arial"/>
                        </a:rPr>
                        <a:t>-8 </a:t>
                      </a:r>
                      <a:r>
                        <a:rPr lang="en-GB" sz="1200" b="1" i="0" u="none" strike="noStrike" noProof="0">
                          <a:solidFill>
                            <a:schemeClr val="tx1"/>
                          </a:solidFill>
                          <a:latin typeface="Arial"/>
                        </a:rPr>
                        <a:t>mol/cm2]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12700">
                      <a:solidFill>
                        <a:schemeClr val="tx1"/>
                      </a:solidFill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28264076"/>
                  </a:ext>
                </a:extLst>
              </a:tr>
              <a:tr h="220228">
                <a:tc rowSpan="2">
                  <a:txBody>
                    <a:bodyPr/>
                    <a:lstStyle/>
                    <a:p>
                      <a:r>
                        <a:rPr lang="en-GB" sz="1200"/>
                        <a:t>1 </a:t>
                      </a:r>
                    </a:p>
                  </a:txBody>
                  <a:tcPr>
                    <a:lnL w="12700">
                      <a:solidFill>
                        <a:schemeClr val="tx1"/>
                      </a:solidFill>
                    </a:lnL>
                    <a:lnT w="12700">
                      <a:solidFill>
                        <a:schemeClr val="tx1"/>
                      </a:solidFill>
                    </a:lnT>
                    <a:lnB w="12700">
                      <a:solidFill>
                        <a:schemeClr val="tx1"/>
                      </a:solidFill>
                    </a:lnB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Oxidation </a:t>
                      </a:r>
                    </a:p>
                  </a:txBody>
                  <a:tcPr>
                    <a:lnT w="12700">
                      <a:solidFill>
                        <a:schemeClr val="tx1"/>
                      </a:solidFill>
                    </a:lnT>
                    <a:solidFill>
                      <a:srgbClr val="0A7BC2">
                        <a:alpha val="61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6.88</a:t>
                      </a:r>
                    </a:p>
                  </a:txBody>
                  <a:tcPr>
                    <a:lnT w="12700">
                      <a:solidFill>
                        <a:schemeClr val="tx1"/>
                      </a:solidFill>
                    </a:lnT>
                  </a:tcPr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43.1</a:t>
                      </a:r>
                    </a:p>
                  </a:txBody>
                  <a:tcPr>
                    <a:lnT w="12700">
                      <a:solidFill>
                        <a:schemeClr val="tx1"/>
                      </a:solidFill>
                    </a:lnT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6.15</a:t>
                      </a:r>
                    </a:p>
                  </a:txBody>
                  <a:tcPr>
                    <a:lnR w="12700">
                      <a:solidFill>
                        <a:schemeClr val="tx1"/>
                      </a:solidFill>
                    </a:lnR>
                    <a:lnT w="12700">
                      <a:solidFill>
                        <a:schemeClr val="tx1"/>
                      </a:solidFill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2856316454"/>
                  </a:ext>
                </a:extLst>
              </a:tr>
              <a:tr h="220228">
                <a:tc vMerge="1">
                  <a:txBody>
                    <a:bodyPr/>
                    <a:lstStyle/>
                    <a:p>
                      <a:endParaRPr lang="sv-SE"/>
                    </a:p>
                  </a:txBody>
                  <a:tcPr>
                    <a:lnL w="12700">
                      <a:solidFill>
                        <a:schemeClr val="tx1"/>
                      </a:solidFill>
                    </a:lnL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Reduction</a:t>
                      </a:r>
                    </a:p>
                  </a:txBody>
                  <a:tcPr>
                    <a:lnL w="12700">
                      <a:solidFill>
                        <a:schemeClr val="tx1"/>
                      </a:solidFill>
                    </a:lnL>
                    <a:lnB w="12700">
                      <a:solidFill>
                        <a:schemeClr val="tx1"/>
                      </a:solidFill>
                    </a:lnB>
                    <a:solidFill>
                      <a:schemeClr val="tx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5.34</a:t>
                      </a:r>
                    </a:p>
                  </a:txBody>
                  <a:tcPr>
                    <a:lnB w="12700">
                      <a:solidFill>
                        <a:schemeClr val="tx1"/>
                      </a:solidFill>
                    </a:lnB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33.4</a:t>
                      </a:r>
                    </a:p>
                  </a:txBody>
                  <a:tcPr>
                    <a:lnB w="12700">
                      <a:solidFill>
                        <a:schemeClr val="tx1"/>
                      </a:solidFill>
                    </a:lnB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4.78</a:t>
                      </a:r>
                    </a:p>
                  </a:txBody>
                  <a:tcPr>
                    <a:lnR w="12700">
                      <a:solidFill>
                        <a:schemeClr val="tx1"/>
                      </a:solidFill>
                    </a:lnR>
                    <a:lnB w="12700">
                      <a:solidFill>
                        <a:schemeClr val="tx1"/>
                      </a:solidFill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15421285"/>
                  </a:ext>
                </a:extLst>
              </a:tr>
              <a:tr h="220228">
                <a:tc rowSpan="2"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2 </a:t>
                      </a:r>
                    </a:p>
                  </a:txBody>
                  <a:tcPr>
                    <a:lnL w="12700">
                      <a:solidFill>
                        <a:schemeClr val="tx1"/>
                      </a:solidFill>
                    </a:lnL>
                    <a:lnT w="12700">
                      <a:solidFill>
                        <a:schemeClr val="tx1"/>
                      </a:solidFill>
                    </a:lnT>
                    <a:lnB w="12700">
                      <a:solidFill>
                        <a:schemeClr val="tx1"/>
                      </a:solidFill>
                    </a:lnB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Oxidation </a:t>
                      </a:r>
                    </a:p>
                  </a:txBody>
                  <a:tcPr>
                    <a:lnT w="12700">
                      <a:solidFill>
                        <a:schemeClr val="tx1"/>
                      </a:solidFill>
                    </a:lnT>
                    <a:solidFill>
                      <a:srgbClr val="0A7BC2">
                        <a:alpha val="58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19.8</a:t>
                      </a:r>
                    </a:p>
                  </a:txBody>
                  <a:tcPr>
                    <a:lnT w="12700">
                      <a:solidFill>
                        <a:schemeClr val="tx1"/>
                      </a:solidFill>
                    </a:lnT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124</a:t>
                      </a:r>
                    </a:p>
                  </a:txBody>
                  <a:tcPr>
                    <a:lnT w="12700">
                      <a:solidFill>
                        <a:schemeClr val="tx1"/>
                      </a:solidFill>
                    </a:lnT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17.7</a:t>
                      </a:r>
                    </a:p>
                  </a:txBody>
                  <a:tcPr>
                    <a:lnR w="12700">
                      <a:solidFill>
                        <a:schemeClr val="tx1"/>
                      </a:solidFill>
                    </a:lnR>
                    <a:lnT w="12700">
                      <a:solidFill>
                        <a:schemeClr val="tx1"/>
                      </a:solidFill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268786564"/>
                  </a:ext>
                </a:extLst>
              </a:tr>
              <a:tr h="220228">
                <a:tc vMerge="1">
                  <a:txBody>
                    <a:bodyPr/>
                    <a:lstStyle/>
                    <a:p>
                      <a:endParaRPr lang="sv-SE"/>
                    </a:p>
                  </a:txBody>
                  <a:tcPr>
                    <a:lnL w="12700">
                      <a:solidFill>
                        <a:schemeClr val="tx1"/>
                      </a:solidFill>
                    </a:lnL>
                    <a:lnB w="12700">
                      <a:solidFill>
                        <a:schemeClr val="tx1"/>
                      </a:solidFill>
                    </a:lnB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Reduction</a:t>
                      </a:r>
                    </a:p>
                  </a:txBody>
                  <a:tcPr>
                    <a:lnL w="12700">
                      <a:solidFill>
                        <a:schemeClr val="tx1"/>
                      </a:solidFill>
                    </a:lnL>
                    <a:lnB w="12700">
                      <a:solidFill>
                        <a:schemeClr val="tx1"/>
                      </a:solidFill>
                    </a:lnB>
                    <a:solidFill>
                      <a:schemeClr val="tx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18.4</a:t>
                      </a:r>
                    </a:p>
                  </a:txBody>
                  <a:tcPr>
                    <a:lnB w="12700">
                      <a:solidFill>
                        <a:schemeClr val="tx1"/>
                      </a:solidFill>
                    </a:lnB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116</a:t>
                      </a:r>
                    </a:p>
                  </a:txBody>
                  <a:tcPr>
                    <a:lnB w="12700">
                      <a:solidFill>
                        <a:schemeClr val="tx1"/>
                      </a:solidFill>
                    </a:lnB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GB" sz="1200"/>
                        <a:t>16.5</a:t>
                      </a:r>
                    </a:p>
                  </a:txBody>
                  <a:tcPr>
                    <a:lnR w="12700">
                      <a:solidFill>
                        <a:schemeClr val="tx1"/>
                      </a:solidFill>
                    </a:lnR>
                    <a:lnB w="12700">
                      <a:solidFill>
                        <a:schemeClr val="tx1"/>
                      </a:solidFill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35330224"/>
                  </a:ext>
                </a:extLst>
              </a:tr>
            </a:tbl>
          </a:graphicData>
        </a:graphic>
      </p:graphicFrame>
      <p:sp>
        <p:nvSpPr>
          <p:cNvPr id="19" name="textruta 18">
            <a:extLst>
              <a:ext uri="{FF2B5EF4-FFF2-40B4-BE49-F238E27FC236}">
                <a16:creationId xmlns:a16="http://schemas.microsoft.com/office/drawing/2014/main" id="{CBED9CEA-469B-E683-61DF-547559970FB7}"/>
              </a:ext>
            </a:extLst>
          </p:cNvPr>
          <p:cNvSpPr txBox="1"/>
          <p:nvPr/>
        </p:nvSpPr>
        <p:spPr>
          <a:xfrm>
            <a:off x="6391377" y="579152"/>
            <a:ext cx="1853468" cy="62068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sv-SE" sz="1050">
                <a:latin typeface="CMR10"/>
                <a:ea typeface="Verdana"/>
              </a:rPr>
              <a:t>3 </a:t>
            </a:r>
            <a:r>
              <a:rPr lang="sv-SE" sz="1050" err="1">
                <a:latin typeface="CMR10"/>
                <a:ea typeface="Verdana"/>
              </a:rPr>
              <a:t>cycles</a:t>
            </a:r>
            <a:r>
              <a:rPr lang="sv-SE" sz="1050">
                <a:latin typeface="CMR10"/>
                <a:ea typeface="Verdana"/>
              </a:rPr>
              <a:t> 50 </a:t>
            </a:r>
            <a:r>
              <a:rPr lang="sv-SE" sz="1050" err="1">
                <a:latin typeface="CMR10"/>
                <a:ea typeface="Verdana"/>
              </a:rPr>
              <a:t>mV</a:t>
            </a:r>
            <a:r>
              <a:rPr lang="sv-SE" sz="1050">
                <a:latin typeface="CMR10"/>
                <a:ea typeface="Verdana"/>
              </a:rPr>
              <a:t>/s between −0.3V and 1.0V vs Ag/</a:t>
            </a:r>
            <a:r>
              <a:rPr lang="sv-SE" sz="1050" err="1">
                <a:latin typeface="CMR10"/>
                <a:ea typeface="Verdana"/>
              </a:rPr>
              <a:t>AgCl</a:t>
            </a:r>
            <a:endParaRPr lang="sv-SE" sz="1050" err="1">
              <a:latin typeface="CMR10"/>
            </a:endParaRPr>
          </a:p>
          <a:p>
            <a:pPr algn="l"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94989061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ktangel: rundade hörn 10">
            <a:extLst>
              <a:ext uri="{FF2B5EF4-FFF2-40B4-BE49-F238E27FC236}">
                <a16:creationId xmlns:a16="http://schemas.microsoft.com/office/drawing/2014/main" id="{76192E61-EB64-9A98-C3D7-AE17167B7604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64BAB01-7D3C-93D9-063D-D710160C25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40310" y="211617"/>
            <a:ext cx="9312374" cy="972716"/>
          </a:xfrm>
        </p:spPr>
        <p:txBody>
          <a:bodyPr/>
          <a:lstStyle/>
          <a:p>
            <a:r>
              <a:rPr lang="en-GB">
                <a:solidFill>
                  <a:srgbClr val="FFFFFF"/>
                </a:solidFill>
                <a:cs typeface="Arial"/>
              </a:rPr>
              <a:t>Scan rate dependence 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E02BF-920D-F785-1990-28A9F9555A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16" name="Bildobjekt 16">
            <a:extLst>
              <a:ext uri="{FF2B5EF4-FFF2-40B4-BE49-F238E27FC236}">
                <a16:creationId xmlns:a16="http://schemas.microsoft.com/office/drawing/2014/main" id="{79D9DC11-D29F-E1BD-AD9F-A3426A4DCB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74993" y="1863913"/>
            <a:ext cx="4724731" cy="3016611"/>
          </a:xfrm>
          <a:prstGeom prst="rect">
            <a:avLst/>
          </a:prstGeom>
        </p:spPr>
      </p:pic>
      <p:sp>
        <p:nvSpPr>
          <p:cNvPr id="18" name="textruta 17">
            <a:extLst>
              <a:ext uri="{FF2B5EF4-FFF2-40B4-BE49-F238E27FC236}">
                <a16:creationId xmlns:a16="http://schemas.microsoft.com/office/drawing/2014/main" id="{693DA3B1-B9CC-6E9D-1251-301D2912F104}"/>
              </a:ext>
            </a:extLst>
          </p:cNvPr>
          <p:cNvSpPr txBox="1"/>
          <p:nvPr/>
        </p:nvSpPr>
        <p:spPr>
          <a:xfrm>
            <a:off x="1147124" y="2408130"/>
            <a:ext cx="4084544" cy="54373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endParaRPr lang="sv-SE">
              <a:latin typeface="+mn-lt"/>
              <a:ea typeface="ＭＳ Ｐゴシック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  <p:pic>
        <p:nvPicPr>
          <p:cNvPr id="3" name="Bildobjekt 4">
            <a:extLst>
              <a:ext uri="{FF2B5EF4-FFF2-40B4-BE49-F238E27FC236}">
                <a16:creationId xmlns:a16="http://schemas.microsoft.com/office/drawing/2014/main" id="{56B1932A-999D-A160-08FA-C443E63804B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5631" y="2185456"/>
            <a:ext cx="5235818" cy="3490234"/>
          </a:xfrm>
          <a:prstGeom prst="rect">
            <a:avLst/>
          </a:prstGeom>
        </p:spPr>
      </p:pic>
      <p:sp>
        <p:nvSpPr>
          <p:cNvPr id="5" name="textruta 4">
            <a:extLst>
              <a:ext uri="{FF2B5EF4-FFF2-40B4-BE49-F238E27FC236}">
                <a16:creationId xmlns:a16="http://schemas.microsoft.com/office/drawing/2014/main" id="{E0063133-201E-BC04-7A8B-4B488D35490C}"/>
              </a:ext>
            </a:extLst>
          </p:cNvPr>
          <p:cNvSpPr txBox="1"/>
          <p:nvPr/>
        </p:nvSpPr>
        <p:spPr>
          <a:xfrm>
            <a:off x="1906137" y="5044412"/>
            <a:ext cx="4354552" cy="728405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sz="1400">
                <a:latin typeface="+mn-lt"/>
                <a:ea typeface="ＭＳ Ｐゴシック"/>
                <a:cs typeface="Arial"/>
              </a:rPr>
              <a:t>For </a:t>
            </a:r>
            <a:r>
              <a:rPr lang="sv-SE" sz="1400" b="1">
                <a:latin typeface="+mn-lt"/>
                <a:ea typeface="ＭＳ Ｐゴシック"/>
                <a:cs typeface="Arial"/>
              </a:rPr>
              <a:t>surface confined and fully reversible </a:t>
            </a:r>
            <a:r>
              <a:rPr lang="sv-SE" sz="1400">
                <a:latin typeface="+mn-lt"/>
                <a:ea typeface="ＭＳ Ｐゴシック"/>
                <a:cs typeface="Arial"/>
              </a:rPr>
              <a:t>species peak current is directly proportional to the scan rate: </a:t>
            </a: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  <p:sp>
        <p:nvSpPr>
          <p:cNvPr id="7" name="textruta 6">
            <a:extLst>
              <a:ext uri="{FF2B5EF4-FFF2-40B4-BE49-F238E27FC236}">
                <a16:creationId xmlns:a16="http://schemas.microsoft.com/office/drawing/2014/main" id="{49AF0621-8E05-C8C2-E9A6-C79E9F0AFAEE}"/>
              </a:ext>
            </a:extLst>
          </p:cNvPr>
          <p:cNvSpPr txBox="1"/>
          <p:nvPr/>
        </p:nvSpPr>
        <p:spPr>
          <a:xfrm>
            <a:off x="6667514" y="1951218"/>
            <a:ext cx="4588013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Arial"/>
                <a:ea typeface="ＭＳ Ｐゴシック"/>
                <a:cs typeface="Arial"/>
              </a:rPr>
              <a:t>Linear relation between peak current and scan rate</a:t>
            </a:r>
            <a:endParaRPr lang="sv-SE">
              <a:latin typeface="Arial"/>
              <a:cs typeface="Arial"/>
            </a:endParaRPr>
          </a:p>
        </p:txBody>
      </p:sp>
      <p:sp>
        <p:nvSpPr>
          <p:cNvPr id="8" name="textruta 7">
            <a:extLst>
              <a:ext uri="{FF2B5EF4-FFF2-40B4-BE49-F238E27FC236}">
                <a16:creationId xmlns:a16="http://schemas.microsoft.com/office/drawing/2014/main" id="{EAB50784-7F65-8459-836C-3D9FC245C048}"/>
              </a:ext>
            </a:extLst>
          </p:cNvPr>
          <p:cNvSpPr txBox="1"/>
          <p:nvPr/>
        </p:nvSpPr>
        <p:spPr>
          <a:xfrm>
            <a:off x="1751549" y="2064782"/>
            <a:ext cx="4663729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endParaRPr lang="sv-SE">
              <a:latin typeface="Arial"/>
              <a:cs typeface="Arial"/>
            </a:endParaRPr>
          </a:p>
        </p:txBody>
      </p:sp>
      <p:pic>
        <p:nvPicPr>
          <p:cNvPr id="9" name="Bildobjekt 9" descr="En bild som visar text&#10;&#10;Automatiskt genererad beskrivning">
            <a:extLst>
              <a:ext uri="{FF2B5EF4-FFF2-40B4-BE49-F238E27FC236}">
                <a16:creationId xmlns:a16="http://schemas.microsoft.com/office/drawing/2014/main" id="{F9BAB189-56AE-D33D-8B6C-2DBE51EEFDC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726231" y="5675690"/>
            <a:ext cx="2308339" cy="752950"/>
          </a:xfrm>
          <a:prstGeom prst="rect">
            <a:avLst/>
          </a:prstGeom>
        </p:spPr>
      </p:pic>
      <p:sp>
        <p:nvSpPr>
          <p:cNvPr id="10" name="textruta 9">
            <a:extLst>
              <a:ext uri="{FF2B5EF4-FFF2-40B4-BE49-F238E27FC236}">
                <a16:creationId xmlns:a16="http://schemas.microsoft.com/office/drawing/2014/main" id="{38D86D40-AD35-72D9-7B4F-F5CA409B6869}"/>
              </a:ext>
            </a:extLst>
          </p:cNvPr>
          <p:cNvSpPr txBox="1"/>
          <p:nvPr/>
        </p:nvSpPr>
        <p:spPr>
          <a:xfrm>
            <a:off x="9864607" y="2949936"/>
            <a:ext cx="1122296" cy="16927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sz="1100">
                <a:solidFill>
                  <a:srgbClr val="00B050"/>
                </a:solidFill>
                <a:latin typeface="+mn-lt"/>
                <a:ea typeface="ＭＳ Ｐゴシック"/>
              </a:rPr>
              <a:t>R</a:t>
            </a:r>
            <a:r>
              <a:rPr lang="sv-SE" sz="1100" baseline="30000">
                <a:solidFill>
                  <a:srgbClr val="00B050"/>
                </a:solidFill>
                <a:latin typeface="+mn-lt"/>
                <a:ea typeface="ＭＳ Ｐゴシック"/>
                <a:cs typeface="Arial"/>
              </a:rPr>
              <a:t>2 </a:t>
            </a:r>
            <a:r>
              <a:rPr lang="sv-SE" sz="1100">
                <a:solidFill>
                  <a:srgbClr val="00B050"/>
                </a:solidFill>
                <a:latin typeface="+mn-lt"/>
                <a:ea typeface="ＭＳ Ｐゴシック"/>
                <a:cs typeface="Arial"/>
              </a:rPr>
              <a:t>= 0.996</a:t>
            </a:r>
            <a:endParaRPr lang="sv-SE" sz="1100">
              <a:solidFill>
                <a:srgbClr val="00B050"/>
              </a:solidFill>
              <a:latin typeface="+mn-lt"/>
            </a:endParaRPr>
          </a:p>
        </p:txBody>
      </p:sp>
      <p:sp>
        <p:nvSpPr>
          <p:cNvPr id="12" name="textruta 11">
            <a:extLst>
              <a:ext uri="{FF2B5EF4-FFF2-40B4-BE49-F238E27FC236}">
                <a16:creationId xmlns:a16="http://schemas.microsoft.com/office/drawing/2014/main" id="{579AB3E9-7EA3-C71D-59A9-AAA86150BECD}"/>
              </a:ext>
            </a:extLst>
          </p:cNvPr>
          <p:cNvSpPr txBox="1"/>
          <p:nvPr/>
        </p:nvSpPr>
        <p:spPr>
          <a:xfrm>
            <a:off x="9866042" y="4670422"/>
            <a:ext cx="1077430" cy="16927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sz="1100">
                <a:solidFill>
                  <a:schemeClr val="accent2"/>
                </a:solidFill>
                <a:latin typeface="+mn-lt"/>
                <a:ea typeface="ＭＳ Ｐゴシック"/>
              </a:rPr>
              <a:t>R</a:t>
            </a:r>
            <a:r>
              <a:rPr lang="sv-SE" sz="1100" baseline="30000">
                <a:solidFill>
                  <a:schemeClr val="accent2"/>
                </a:solidFill>
                <a:latin typeface="+mn-lt"/>
                <a:ea typeface="ＭＳ Ｐゴシック"/>
              </a:rPr>
              <a:t>2 </a:t>
            </a:r>
            <a:r>
              <a:rPr lang="sv-SE" sz="1100">
                <a:solidFill>
                  <a:schemeClr val="accent2"/>
                </a:solidFill>
                <a:latin typeface="+mn-lt"/>
                <a:ea typeface="ＭＳ Ｐゴシック"/>
              </a:rPr>
              <a:t>= 0.997</a:t>
            </a:r>
            <a:endParaRPr lang="sv-SE" sz="1100">
              <a:solidFill>
                <a:schemeClr val="accent2"/>
              </a:solidFill>
              <a:ea typeface="ＭＳ Ｐゴシック"/>
            </a:endParaRPr>
          </a:p>
        </p:txBody>
      </p:sp>
    </p:spTree>
    <p:extLst>
      <p:ext uri="{BB962C8B-B14F-4D97-AF65-F5344CB8AC3E}">
        <p14:creationId xmlns:p14="http://schemas.microsoft.com/office/powerpoint/2010/main" val="272280784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ktangel: rundade hörn 10">
            <a:extLst>
              <a:ext uri="{FF2B5EF4-FFF2-40B4-BE49-F238E27FC236}">
                <a16:creationId xmlns:a16="http://schemas.microsoft.com/office/drawing/2014/main" id="{76192E61-EB64-9A98-C3D7-AE17167B7604}"/>
              </a:ext>
            </a:extLst>
          </p:cNvPr>
          <p:cNvSpPr/>
          <p:nvPr/>
        </p:nvSpPr>
        <p:spPr bwMode="auto">
          <a:xfrm>
            <a:off x="1277978" y="593266"/>
            <a:ext cx="533121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64BAB01-7D3C-93D9-063D-D710160C25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40310" y="211617"/>
            <a:ext cx="9312374" cy="972716"/>
          </a:xfrm>
        </p:spPr>
        <p:txBody>
          <a:bodyPr/>
          <a:lstStyle/>
          <a:p>
            <a:r>
              <a:rPr lang="en-GB">
                <a:solidFill>
                  <a:srgbClr val="FFFFFF"/>
                </a:solidFill>
                <a:cs typeface="Arial"/>
              </a:rPr>
              <a:t>Redox states 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E02BF-920D-F785-1990-28A9F9555A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pic>
        <p:nvPicPr>
          <p:cNvPr id="14" name="Bildobjekt 14">
            <a:extLst>
              <a:ext uri="{FF2B5EF4-FFF2-40B4-BE49-F238E27FC236}">
                <a16:creationId xmlns:a16="http://schemas.microsoft.com/office/drawing/2014/main" id="{4EBC6445-55B4-8308-5793-5E9BD334A3AB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-175" r="4333" b="353"/>
          <a:stretch/>
        </p:blipFill>
        <p:spPr>
          <a:xfrm>
            <a:off x="1835854" y="2292146"/>
            <a:ext cx="5809788" cy="3700429"/>
          </a:xfrm>
          <a:prstGeom prst="rect">
            <a:avLst/>
          </a:prstGeom>
        </p:spPr>
      </p:pic>
      <p:sp>
        <p:nvSpPr>
          <p:cNvPr id="6" name="textruta 5">
            <a:extLst>
              <a:ext uri="{FF2B5EF4-FFF2-40B4-BE49-F238E27FC236}">
                <a16:creationId xmlns:a16="http://schemas.microsoft.com/office/drawing/2014/main" id="{E1794BC6-D153-6BAA-1484-20939995FCA5}"/>
              </a:ext>
            </a:extLst>
          </p:cNvPr>
          <p:cNvSpPr txBox="1"/>
          <p:nvPr/>
        </p:nvSpPr>
        <p:spPr>
          <a:xfrm>
            <a:off x="2678740" y="1978864"/>
            <a:ext cx="4651841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CV at 50 mV/s to fully oxidize and fully reduce </a:t>
            </a:r>
            <a:endParaRPr lang="sv-SE">
              <a:latin typeface="+mn-lt"/>
            </a:endParaRPr>
          </a:p>
        </p:txBody>
      </p:sp>
      <p:sp>
        <p:nvSpPr>
          <p:cNvPr id="7" name="textruta 6">
            <a:extLst>
              <a:ext uri="{FF2B5EF4-FFF2-40B4-BE49-F238E27FC236}">
                <a16:creationId xmlns:a16="http://schemas.microsoft.com/office/drawing/2014/main" id="{60FC8BE2-C8FE-296C-23DB-71E79AAA201C}"/>
              </a:ext>
            </a:extLst>
          </p:cNvPr>
          <p:cNvSpPr txBox="1"/>
          <p:nvPr/>
        </p:nvSpPr>
        <p:spPr>
          <a:xfrm>
            <a:off x="7981416" y="2370008"/>
            <a:ext cx="180974" cy="36194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l">
              <a:spcBef>
                <a:spcPts val="432"/>
              </a:spcBef>
            </a:pPr>
            <a:endParaRPr lang="sv-SE" err="1">
              <a:latin typeface="+mn-lt"/>
            </a:endParaRPr>
          </a:p>
        </p:txBody>
      </p:sp>
      <p:sp>
        <p:nvSpPr>
          <p:cNvPr id="8" name="textruta 7">
            <a:extLst>
              <a:ext uri="{FF2B5EF4-FFF2-40B4-BE49-F238E27FC236}">
                <a16:creationId xmlns:a16="http://schemas.microsoft.com/office/drawing/2014/main" id="{6E9116A5-6AA9-43F6-BA9C-8A35E6B155C5}"/>
              </a:ext>
            </a:extLst>
          </p:cNvPr>
          <p:cNvSpPr txBox="1"/>
          <p:nvPr/>
        </p:nvSpPr>
        <p:spPr>
          <a:xfrm>
            <a:off x="7830137" y="2395221"/>
            <a:ext cx="5105680" cy="84125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Unexpected peak:</a:t>
            </a:r>
            <a:endParaRPr lang="sv-SE"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ortho-coupled polymers</a:t>
            </a:r>
            <a:endParaRPr lang="sv-SE"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degradation of PANI </a:t>
            </a:r>
            <a:endParaRPr lang="sv-SE">
              <a:ea typeface="ＭＳ Ｐゴシック"/>
            </a:endParaRPr>
          </a:p>
        </p:txBody>
      </p:sp>
      <p:sp>
        <p:nvSpPr>
          <p:cNvPr id="3" name="Ellips 2">
            <a:extLst>
              <a:ext uri="{FF2B5EF4-FFF2-40B4-BE49-F238E27FC236}">
                <a16:creationId xmlns:a16="http://schemas.microsoft.com/office/drawing/2014/main" id="{D5B4B38F-42E9-B561-796A-9B1E8FB7F60A}"/>
              </a:ext>
            </a:extLst>
          </p:cNvPr>
          <p:cNvSpPr/>
          <p:nvPr/>
        </p:nvSpPr>
        <p:spPr bwMode="auto">
          <a:xfrm>
            <a:off x="5587528" y="3161073"/>
            <a:ext cx="699869" cy="6368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Ellips 4">
            <a:extLst>
              <a:ext uri="{FF2B5EF4-FFF2-40B4-BE49-F238E27FC236}">
                <a16:creationId xmlns:a16="http://schemas.microsoft.com/office/drawing/2014/main" id="{E30610F1-0C6C-DFBD-460A-38F956EE7F3C}"/>
              </a:ext>
            </a:extLst>
          </p:cNvPr>
          <p:cNvSpPr/>
          <p:nvPr/>
        </p:nvSpPr>
        <p:spPr bwMode="auto">
          <a:xfrm>
            <a:off x="5063387" y="4511222"/>
            <a:ext cx="699869" cy="6368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A314C5D7-9119-FF91-66A3-8315ECB5C695}"/>
              </a:ext>
            </a:extLst>
          </p:cNvPr>
          <p:cNvCxnSpPr/>
          <p:nvPr/>
        </p:nvCxnSpPr>
        <p:spPr bwMode="auto">
          <a:xfrm flipH="1">
            <a:off x="6329317" y="2660419"/>
            <a:ext cx="1369724" cy="66203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Rak pilkoppling 9">
            <a:extLst>
              <a:ext uri="{FF2B5EF4-FFF2-40B4-BE49-F238E27FC236}">
                <a16:creationId xmlns:a16="http://schemas.microsoft.com/office/drawing/2014/main" id="{1D5E697A-D36B-B842-EF58-EBCAC94F2C4C}"/>
              </a:ext>
            </a:extLst>
          </p:cNvPr>
          <p:cNvCxnSpPr>
            <a:cxnSpLocks/>
          </p:cNvCxnSpPr>
          <p:nvPr/>
        </p:nvCxnSpPr>
        <p:spPr bwMode="auto">
          <a:xfrm flipH="1">
            <a:off x="5735696" y="2641491"/>
            <a:ext cx="1981768" cy="193647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411369800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MXo2jYcE9jqin+KCP9w91A=="}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6F52B397E11A94F85CC1B699D1FC3F8" ma:contentTypeVersion="2" ma:contentTypeDescription="Opret et nyt dokument." ma:contentTypeScope="" ma:versionID="7d60be6987c95b5b3bfd808361959b3c">
  <xsd:schema xmlns:xsd="http://www.w3.org/2001/XMLSchema" xmlns:xs="http://www.w3.org/2001/XMLSchema" xmlns:p="http://schemas.microsoft.com/office/2006/metadata/properties" xmlns:ns2="e15c759e-c422-4d6a-805a-c156c3256987" targetNamespace="http://schemas.microsoft.com/office/2006/metadata/properties" ma:root="true" ma:fieldsID="b4d92aa5e3dd28c158df2ffbd539cc9a" ns2:_="">
    <xsd:import namespace="e15c759e-c422-4d6a-805a-c156c325698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15c759e-c422-4d6a-805a-c156c325698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TemplateConfiguration><![CDATA[{"elementsMetadata":[{"type":"shape","id":"d83eb329-6f3f-4e84-875b-22890cbe52b3","elementConfiguration":{"binding":"UserProfile.Offices.Workarea_{{DocumentLanguage}}","disableUpdates":false,"type":"text"}},{"type":"shape","id":"1167196c-97e0-471a-8609-9a271d794e0e","elementConfiguration":{"format":"{{DateFormats.GeneralDate}}","binding":"Form.Date","disableUpdates":false,"type":"date"}},{"type":"shape","id":"93183b9a-a0f4-4d9a-800c-5911d85eba2f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10.xml><?xml version="1.0" encoding="utf-8"?>
<ds:datastoreItem xmlns:ds="http://schemas.openxmlformats.org/officeDocument/2006/customXml" ds:itemID="{CA9FC985-930B-40D4-827F-9FAC5D35EA8C}">
  <ds:schemaRefs/>
</ds:datastoreItem>
</file>

<file path=customXml/itemProps11.xml><?xml version="1.0" encoding="utf-8"?>
<ds:datastoreItem xmlns:ds="http://schemas.openxmlformats.org/officeDocument/2006/customXml" ds:itemID="{1680B9DC-2D51-4402-BB2C-B8DE0C5AC522}">
  <ds:schemaRefs/>
</ds:datastoreItem>
</file>

<file path=customXml/itemProps2.xml><?xml version="1.0" encoding="utf-8"?>
<ds:datastoreItem xmlns:ds="http://schemas.openxmlformats.org/officeDocument/2006/customXml" ds:itemID="{620EF16B-048A-4A5D-9C4F-23781A20C9D6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3763224-B85A-4B53-A86A-261D26A71C30}">
  <ds:schemaRefs/>
</ds:datastoreItem>
</file>

<file path=customXml/itemProps4.xml><?xml version="1.0" encoding="utf-8"?>
<ds:datastoreItem xmlns:ds="http://schemas.openxmlformats.org/officeDocument/2006/customXml" ds:itemID="{6B8AD017-B053-4E30-93B9-B28A44CEC3A4}">
  <ds:schemaRefs/>
</ds:datastoreItem>
</file>

<file path=customXml/itemProps5.xml><?xml version="1.0" encoding="utf-8"?>
<ds:datastoreItem xmlns:ds="http://schemas.openxmlformats.org/officeDocument/2006/customXml" ds:itemID="{9B5D2B20-8622-411E-9A4A-D4A72E9605AF}">
  <ds:schemaRefs>
    <ds:schemaRef ds:uri="e15c759e-c422-4d6a-805a-c156c3256987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customXml/itemProps7.xml><?xml version="1.0" encoding="utf-8"?>
<ds:datastoreItem xmlns:ds="http://schemas.openxmlformats.org/officeDocument/2006/customXml" ds:itemID="{A965A272-2BA5-4384-8693-2020AFD493A3}">
  <ds:schemaRefs>
    <ds:schemaRef ds:uri="e15c759e-c422-4d6a-805a-c156c3256987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8.xml><?xml version="1.0" encoding="utf-8"?>
<ds:datastoreItem xmlns:ds="http://schemas.openxmlformats.org/officeDocument/2006/customXml" ds:itemID="{5DEE4BEE-00BA-4E32-BD26-AF535B50AC95}">
  <ds:schemaRefs/>
</ds:datastoreItem>
</file>

<file path=customXml/itemProps9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odelling</Template>
  <TotalTime>0</TotalTime>
  <Words>486</Words>
  <Application>Microsoft Office PowerPoint</Application>
  <PresentationFormat>Custom</PresentationFormat>
  <Paragraphs>138</Paragraphs>
  <Slides>13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9" baseType="lpstr">
      <vt:lpstr>Arial</vt:lpstr>
      <vt:lpstr>Arial,Sans-Serif</vt:lpstr>
      <vt:lpstr>Calibri</vt:lpstr>
      <vt:lpstr>CMR10</vt:lpstr>
      <vt:lpstr>Verdana</vt:lpstr>
      <vt:lpstr>Blank</vt:lpstr>
      <vt:lpstr>Electropolymerization of Aniline </vt:lpstr>
      <vt:lpstr>PowerPoint Presentation</vt:lpstr>
      <vt:lpstr>PowerPoint Presentation</vt:lpstr>
      <vt:lpstr>Experimental setup </vt:lpstr>
      <vt:lpstr>Synthesize of polyaniline </vt:lpstr>
      <vt:lpstr>PowerPoint Presentation</vt:lpstr>
      <vt:lpstr>Film comparison </vt:lpstr>
      <vt:lpstr>Scan rate dependence </vt:lpstr>
      <vt:lpstr>Redox states </vt:lpstr>
      <vt:lpstr>UV-vis spectroscopy </vt:lpstr>
      <vt:lpstr>PANI at higher potentials</vt:lpstr>
      <vt:lpstr>Conclus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lectropolymerization of Aniline </dc:title>
  <dc:creator>Nikolas Vitaliti</dc:creator>
  <cp:lastModifiedBy>Nikolas Vitaliti</cp:lastModifiedBy>
  <cp:revision>2</cp:revision>
  <dcterms:created xsi:type="dcterms:W3CDTF">2022-12-14T15:02:32Z</dcterms:created>
  <dcterms:modified xsi:type="dcterms:W3CDTF">2023-01-24T09:44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1186366805210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E6F52B397E11A94F85CC1B699D1FC3F8</vt:lpwstr>
  </property>
</Properties>
</file>